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RREO 5º Bim 2019\"/>
    </mc:Choice>
  </mc:AlternateContent>
  <bookViews>
    <workbookView xWindow="0" yWindow="0" windowWidth="20490" windowHeight="7350" firstSheet="5" activeTab="7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162913"/>
</workbook>
</file>

<file path=xl/sharedStrings.xml><?xml version="1.0" encoding="utf-8"?>
<sst xmlns="http://schemas.openxmlformats.org/spreadsheetml/2006/main" count="2622" uniqueCount="1128">
  <si>
    <t>ESTADO DE MATO GROSSO DO SUL</t>
  </si>
  <si>
    <t>Relatório Resumido de Execução Orçamentária</t>
  </si>
  <si>
    <t>Anexo 1 - Balanço Orçamentário</t>
  </si>
  <si>
    <t>Orçamentos Fiscal e da Seguridade Social</t>
  </si>
  <si>
    <t>Setembro até Outubro - 5º Bimestre/2019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   846 - Outros Encargos Especiais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   272 - Previdência do Regime Estatutário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 xml:space="preserve">      392 - Difusão Cultural</t>
  </si>
  <si>
    <t xml:space="preserve">   14 - Direitos da Cidadania</t>
  </si>
  <si>
    <t xml:space="preserve">      130 - Administração de Concessões</t>
  </si>
  <si>
    <t xml:space="preserve">      421 - Custódia e Reintegração Social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Nov/2018</t>
  </si>
  <si>
    <t>Dez/2018</t>
  </si>
  <si>
    <t>Jan/2019</t>
  </si>
  <si>
    <t>Fev/2019</t>
  </si>
  <si>
    <t>Mar/2019</t>
  </si>
  <si>
    <t>Abr/2019</t>
  </si>
  <si>
    <t>Mai/2019</t>
  </si>
  <si>
    <t>Jun/2019</t>
  </si>
  <si>
    <t>Jul/2019</t>
  </si>
  <si>
    <t>Ago/2019</t>
  </si>
  <si>
    <t>Set/2019</t>
  </si>
  <si>
    <t>Out/2019</t>
  </si>
  <si>
    <t>Total (ùltimos 12 Meses)</t>
  </si>
  <si>
    <t>Previsão Atualizada 2019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PLANO PREVIDENCIÁRIO</t>
  </si>
  <si>
    <t>Previsão Atualizada</t>
  </si>
  <si>
    <t>Até o Bimestre 2019</t>
  </si>
  <si>
    <t>Até o Bimestre 2018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19</t>
  </si>
  <si>
    <t>2018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8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9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OUTROS AJUSTES (XXXVII)</t>
  </si>
  <si>
    <t>RESULTADO NOMINAL AJUSTADO - Abaixo da Linha (XXXVIII) = (XXXII - XXXIII - IX + XXXIV + XXXV - XXXVI + XXXVII)</t>
  </si>
  <si>
    <t>RESULTADO PRIMÁRIO - ABAIXO DA LINHA (XXXVII) =  XXXVI - (XXV - XXVI)</t>
  </si>
  <si>
    <t>RESULTADO PRIMÁRIO - Abaixo da Linha (XXXIX) =  XXXVII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8</t>
  </si>
  <si>
    <t>Até o Bimestre/  2019</t>
  </si>
  <si>
    <t>INSCRITAS EM RESTOS A PAGAR NÃO PROCESSADOS</t>
  </si>
  <si>
    <t>DESPESAS CORRENTES (XL)</t>
  </si>
  <si>
    <t xml:space="preserve"> Juros e Encargos da Dívida (XLI)</t>
  </si>
  <si>
    <t>DESPESAS PRIMÁRIAS CORRENTES (XLII) = (XL - XLI)</t>
  </si>
  <si>
    <t>Transferências Constitucionais (XLIII)</t>
  </si>
  <si>
    <t>Contribuições para o PIS/PASEP (XLIV)</t>
  </si>
  <si>
    <t>DESPESAS PRIMÁRIAS CORRENTES APURADAS CONFORME O ART. 4º DA LC 156/16 (XLV) = (XLII - XLIII - XLIV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8 (b)</t>
  </si>
  <si>
    <t>Cancelados (d)</t>
  </si>
  <si>
    <t>Saldo e=(a+b)-(c+d)</t>
  </si>
  <si>
    <t>RP Não Processado</t>
  </si>
  <si>
    <t>Inscritos em Exercícios Anteriores (f)</t>
  </si>
  <si>
    <t>Inscritos Em 31 de Dezembro de 2018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8 QUE NÃO FORAM UTILIZADOS</t>
  </si>
  <si>
    <t>22 – DESPESAS CUSTEADAS COM O SALDO DO ITEM 21 ATÉ O 1º TRIMESTRE DE 2019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OUTRAS 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19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8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 xml:space="preserve">   Divida Ativa dos Impostos</t>
  </si>
  <si>
    <t xml:space="preserve">   Multas, Juros de Mora e Outros Encargos da Dívida Ativa  </t>
  </si>
  <si>
    <t xml:space="preserve">RECEITA DE TRANSFERÊNCIAS CONSTITUCIONAIS E LEGAIS (II) 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 xml:space="preserve">   Provenientes da União</t>
  </si>
  <si>
    <t xml:space="preserve">   Provenientes de Outros Estados</t>
  </si>
  <si>
    <t xml:space="preserve">   Provenientes de Municípios</t>
  </si>
  <si>
    <t xml:space="preserve">   Outras Receitas do SUS</t>
  </si>
  <si>
    <t>TRANSFERÊNCIAS VOLUNTÁRIAS</t>
  </si>
  <si>
    <t>RECEITAS DE OPERAÇÕES DE CRÉDITO VINCULADAS À SAÚDE</t>
  </si>
  <si>
    <t>OUTRAS RECEITAS PARA FINANCIAMENTO DA SAÚDE</t>
  </si>
  <si>
    <t>TOTAL RECEITAS ADICIONAIS PARA FINANCIAMENTO DA SAÚDE</t>
  </si>
  <si>
    <t xml:space="preserve">DESPESAS COM SAÚDE (POR GRUPO DE NATUREZA DA DESPESA) </t>
  </si>
  <si>
    <t xml:space="preserve"> %  (f / e) x 100  </t>
  </si>
  <si>
    <t>%  (g / e) x 100</t>
  </si>
  <si>
    <t xml:space="preserve">   Pessoal e Encargos Sociais</t>
  </si>
  <si>
    <t xml:space="preserve">   Juros e Encargos da Dívida</t>
  </si>
  <si>
    <t xml:space="preserve">   Outras Despesas Correntes</t>
  </si>
  <si>
    <t xml:space="preserve">   Investimentos</t>
  </si>
  <si>
    <t xml:space="preserve">   Inversões Financeiras</t>
  </si>
  <si>
    <t xml:space="preserve">   Amortização da Dívida</t>
  </si>
  <si>
    <t>TOTAL DAS DESPESAS COM SAÚDE (V)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 xml:space="preserve">   Recursos de Transferência do Sistema Único de Saúde - SUS</t>
  </si>
  <si>
    <t xml:space="preserve">   Recursos de Operações de Crédito</t>
  </si>
  <si>
    <t xml:space="preserve">   Outros Recursos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9</t>
  </si>
  <si>
    <t>Inscritos em 2018</t>
  </si>
  <si>
    <t>Inscritos em 2017</t>
  </si>
  <si>
    <t>Inscritos em 2016</t>
  </si>
  <si>
    <t>Inscritos em 2015</t>
  </si>
  <si>
    <t>Inscritos em Exercícios Anteriores a Referência 2015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9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8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Exercícios Anteriores a Referência 2014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Assistência Hospitalar e Ambulatorial</t>
  </si>
  <si>
    <t>Suporte Profilático e Terapêutico</t>
  </si>
  <si>
    <t>Vigilância Sanitária</t>
  </si>
  <si>
    <t>Vigilância Epidemiológica</t>
  </si>
  <si>
    <t>Alimentação e Nutrição</t>
  </si>
  <si>
    <t>Outras Subfunções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9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Receitas - Previsão Inicial</t>
  </si>
  <si>
    <t>Receitas - Previsão Atualizada</t>
  </si>
  <si>
    <t>Déficit Orçamentário</t>
  </si>
  <si>
    <t>Saldos de Exercícios Anteriores (Utilizados para Créditos Adicionais)</t>
  </si>
  <si>
    <t>Despesas - Dotação Inicial</t>
  </si>
  <si>
    <t>Créditos Adicionais</t>
  </si>
  <si>
    <t>Despesas - Dotação Atualizada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 - Receitas Previdenciárias Realizadas</t>
  </si>
  <si>
    <t>Regime Próprio de Previdência dos Servidores - PLANO PREVIDENCIÁRIO - Despesas Previdenciárias Liquidadas</t>
  </si>
  <si>
    <t>Regime Próprio de Previdência dos Servidores - PLANO PREVIDENCIÁRIO - Resultado Previdenciário</t>
  </si>
  <si>
    <t>Regime Próprio de Previdência dos Servidores - PLANO FINANCEIRO - Receitas Previdenciárias Realizadas</t>
  </si>
  <si>
    <t>Regime Próprio de Previdência dos Servidores - PLANO FINANCEIRO - Despesas Previdenciárias Liquidadas</t>
  </si>
  <si>
    <t>Regime Próprio de Previdência dos Servidores - PLANO FINANCEIRO - Resultado Previdenciári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 - Receitas Previdenciárias</t>
  </si>
  <si>
    <t>Plano Previdenciário - Despesas Previdenciárias</t>
  </si>
  <si>
    <t>Plano Previdenciário - Resultado Previdenciário</t>
  </si>
  <si>
    <t>Plano Financeiro - Receitas Previdenciárias</t>
  </si>
  <si>
    <t>Plano Financeiro - Despesas Previdenciárias</t>
  </si>
  <si>
    <t>Plano Financeiro - Resultado Previdenciári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4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  <xf numFmtId="43" fontId="0" fillId="0" borderId="0" xfId="0" applyNumberFormat="1"/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opLeftCell="C103" workbookViewId="0">
      <selection activeCell="I116" sqref="I116"/>
    </sheetView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20.28515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</cols>
  <sheetData>
    <row r="3" spans="1:11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</row>
    <row r="4" spans="1:11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</row>
    <row r="5" spans="1:11" x14ac:dyDescent="0.25">
      <c r="A5" s="12" t="s">
        <v>2</v>
      </c>
      <c r="B5" s="10"/>
      <c r="C5" s="10"/>
      <c r="D5" s="10"/>
      <c r="E5" s="10"/>
      <c r="F5" s="10"/>
      <c r="G5" s="10"/>
      <c r="H5" s="10"/>
      <c r="I5" s="10"/>
      <c r="J5" s="10"/>
      <c r="K5" s="10"/>
    </row>
    <row r="6" spans="1:11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</row>
    <row r="7" spans="1:11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</row>
    <row r="9" spans="1:11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</row>
    <row r="10" spans="1:11" x14ac:dyDescent="0.25">
      <c r="A10" s="8" t="s">
        <v>6</v>
      </c>
      <c r="B10" s="8" t="s">
        <v>8</v>
      </c>
      <c r="C10" s="8" t="s">
        <v>9</v>
      </c>
      <c r="D10" s="8" t="s">
        <v>10</v>
      </c>
      <c r="E10" s="8" t="s">
        <v>11</v>
      </c>
      <c r="F10" s="8" t="s">
        <v>7</v>
      </c>
      <c r="G10" s="8" t="s">
        <v>7</v>
      </c>
      <c r="H10" s="8" t="s">
        <v>7</v>
      </c>
      <c r="I10" s="8" t="s">
        <v>16</v>
      </c>
    </row>
    <row r="11" spans="1:1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8" t="s">
        <v>7</v>
      </c>
    </row>
    <row r="12" spans="1:11" x14ac:dyDescent="0.25">
      <c r="A12" s="3" t="s">
        <v>17</v>
      </c>
      <c r="B12" s="5" t="s">
        <v>18</v>
      </c>
      <c r="C12" s="6">
        <v>13664139500</v>
      </c>
      <c r="D12" s="6">
        <v>14029719698</v>
      </c>
      <c r="E12" s="6">
        <v>2016098353.0799999</v>
      </c>
      <c r="F12" s="6">
        <v>14.37</v>
      </c>
      <c r="G12" s="6">
        <v>10386705974.360001</v>
      </c>
      <c r="H12" s="6">
        <v>74.03</v>
      </c>
      <c r="I12" s="6">
        <v>3643013723.6399999</v>
      </c>
    </row>
    <row r="13" spans="1:11" x14ac:dyDescent="0.25">
      <c r="A13" s="3" t="s">
        <v>19</v>
      </c>
      <c r="B13" s="5" t="s">
        <v>20</v>
      </c>
      <c r="C13" s="6">
        <v>12001659400</v>
      </c>
      <c r="D13" s="6">
        <v>12316923035</v>
      </c>
      <c r="E13" s="6">
        <v>2478442720.7800002</v>
      </c>
      <c r="F13" s="6">
        <v>20.12</v>
      </c>
      <c r="G13" s="6">
        <v>10305886720.360001</v>
      </c>
      <c r="H13" s="6">
        <v>83.67</v>
      </c>
      <c r="I13" s="6">
        <v>2011036314.6400001</v>
      </c>
    </row>
    <row r="14" spans="1:11" x14ac:dyDescent="0.25">
      <c r="A14" s="3" t="s">
        <v>21</v>
      </c>
      <c r="B14" s="5" t="s">
        <v>22</v>
      </c>
      <c r="C14" s="6">
        <v>6961222000</v>
      </c>
      <c r="D14" s="6">
        <v>6966222000</v>
      </c>
      <c r="E14" s="6">
        <v>1078974079.5699999</v>
      </c>
      <c r="F14" s="6">
        <v>15.49</v>
      </c>
      <c r="G14" s="6">
        <v>5694465082.8000002</v>
      </c>
      <c r="H14" s="6">
        <v>81.739999999999995</v>
      </c>
      <c r="I14" s="6">
        <v>1271756917.2</v>
      </c>
    </row>
    <row r="15" spans="1:11" x14ac:dyDescent="0.25">
      <c r="A15" s="2" t="s">
        <v>23</v>
      </c>
      <c r="B15" s="4" t="s">
        <v>24</v>
      </c>
      <c r="C15" s="7">
        <v>6699048900</v>
      </c>
      <c r="D15" s="7">
        <v>6699048900</v>
      </c>
      <c r="E15" s="7">
        <v>1034288738.87</v>
      </c>
      <c r="F15" s="7">
        <v>15.44</v>
      </c>
      <c r="G15" s="7">
        <v>5483468369.25</v>
      </c>
      <c r="H15" s="7">
        <v>81.849999999999994</v>
      </c>
      <c r="I15" s="7">
        <v>1215580530.75</v>
      </c>
    </row>
    <row r="16" spans="1:11" x14ac:dyDescent="0.25">
      <c r="A16" s="2" t="s">
        <v>25</v>
      </c>
      <c r="B16" s="4" t="s">
        <v>26</v>
      </c>
      <c r="C16" s="7">
        <v>262173100</v>
      </c>
      <c r="D16" s="7">
        <v>267173100</v>
      </c>
      <c r="E16" s="7">
        <v>44685340.700000003</v>
      </c>
      <c r="F16" s="7">
        <v>16.73</v>
      </c>
      <c r="G16" s="7">
        <v>210996713.55000001</v>
      </c>
      <c r="H16" s="7">
        <v>78.97</v>
      </c>
      <c r="I16" s="7">
        <v>56176386.450000003</v>
      </c>
    </row>
    <row r="17" spans="1:9" x14ac:dyDescent="0.25">
      <c r="A17" s="2" t="s">
        <v>27</v>
      </c>
      <c r="B17" s="4" t="s">
        <v>28</v>
      </c>
      <c r="C17" s="7">
        <v>0</v>
      </c>
      <c r="D17" s="7">
        <v>0</v>
      </c>
      <c r="E17" s="7">
        <v>0</v>
      </c>
      <c r="F17" s="7">
        <v>0</v>
      </c>
      <c r="G17" s="7">
        <v>0</v>
      </c>
      <c r="H17" s="7">
        <v>0</v>
      </c>
      <c r="I17" s="7">
        <v>0</v>
      </c>
    </row>
    <row r="18" spans="1:9" x14ac:dyDescent="0.25">
      <c r="A18" s="3" t="s">
        <v>29</v>
      </c>
      <c r="B18" s="5" t="s">
        <v>30</v>
      </c>
      <c r="C18" s="6">
        <v>675109000</v>
      </c>
      <c r="D18" s="6">
        <v>786529000</v>
      </c>
      <c r="E18" s="6">
        <v>117089285.81999999</v>
      </c>
      <c r="F18" s="6">
        <v>14.89</v>
      </c>
      <c r="G18" s="6">
        <v>511000220.32999998</v>
      </c>
      <c r="H18" s="6">
        <v>64.97</v>
      </c>
      <c r="I18" s="6">
        <v>275528779.67000002</v>
      </c>
    </row>
    <row r="19" spans="1:9" x14ac:dyDescent="0.25">
      <c r="A19" s="2" t="s">
        <v>31</v>
      </c>
      <c r="B19" s="4" t="s">
        <v>32</v>
      </c>
      <c r="C19" s="7">
        <v>675109000</v>
      </c>
      <c r="D19" s="7">
        <v>786529000</v>
      </c>
      <c r="E19" s="7">
        <v>117089285.81999999</v>
      </c>
      <c r="F19" s="7">
        <v>14.89</v>
      </c>
      <c r="G19" s="7">
        <v>511000220.32999998</v>
      </c>
      <c r="H19" s="7">
        <v>64.97</v>
      </c>
      <c r="I19" s="7">
        <v>275528779.67000002</v>
      </c>
    </row>
    <row r="20" spans="1:9" x14ac:dyDescent="0.25">
      <c r="A20" s="2" t="s">
        <v>33</v>
      </c>
      <c r="B20" s="4" t="s">
        <v>34</v>
      </c>
      <c r="C20" s="7">
        <v>0</v>
      </c>
      <c r="D20" s="7">
        <v>0</v>
      </c>
      <c r="E20" s="7">
        <v>0</v>
      </c>
      <c r="F20" s="7">
        <v>0</v>
      </c>
      <c r="G20" s="7">
        <v>0</v>
      </c>
      <c r="H20" s="7">
        <v>0</v>
      </c>
      <c r="I20" s="7">
        <v>0</v>
      </c>
    </row>
    <row r="21" spans="1:9" x14ac:dyDescent="0.25">
      <c r="A21" s="2" t="s">
        <v>35</v>
      </c>
      <c r="B21" s="4" t="s">
        <v>36</v>
      </c>
      <c r="C21" s="7">
        <v>0</v>
      </c>
      <c r="D21" s="7">
        <v>0</v>
      </c>
      <c r="E21" s="7">
        <v>0</v>
      </c>
      <c r="F21" s="7">
        <v>0</v>
      </c>
      <c r="G21" s="7">
        <v>0</v>
      </c>
      <c r="H21" s="7">
        <v>0</v>
      </c>
      <c r="I21" s="7">
        <v>0</v>
      </c>
    </row>
    <row r="22" spans="1:9" x14ac:dyDescent="0.25">
      <c r="A22" s="2" t="s">
        <v>37</v>
      </c>
      <c r="B22" s="4" t="s">
        <v>38</v>
      </c>
      <c r="C22" s="7">
        <v>0</v>
      </c>
      <c r="D22" s="7">
        <v>0</v>
      </c>
      <c r="E22" s="7">
        <v>0</v>
      </c>
      <c r="F22" s="7">
        <v>0</v>
      </c>
      <c r="G22" s="7">
        <v>0</v>
      </c>
      <c r="H22" s="7">
        <v>0</v>
      </c>
      <c r="I22" s="7">
        <v>0</v>
      </c>
    </row>
    <row r="23" spans="1:9" x14ac:dyDescent="0.25">
      <c r="A23" s="3" t="s">
        <v>39</v>
      </c>
      <c r="B23" s="5" t="s">
        <v>40</v>
      </c>
      <c r="C23" s="6">
        <v>111402500</v>
      </c>
      <c r="D23" s="6">
        <v>111407500</v>
      </c>
      <c r="E23" s="6">
        <v>13409987.060000001</v>
      </c>
      <c r="F23" s="6">
        <v>12.04</v>
      </c>
      <c r="G23" s="6">
        <v>89641264.409999996</v>
      </c>
      <c r="H23" s="6">
        <v>80.459999999999994</v>
      </c>
      <c r="I23" s="6">
        <v>21766235.59</v>
      </c>
    </row>
    <row r="24" spans="1:9" x14ac:dyDescent="0.25">
      <c r="A24" s="2" t="s">
        <v>41</v>
      </c>
      <c r="B24" s="4" t="s">
        <v>42</v>
      </c>
      <c r="C24" s="7">
        <v>1773200</v>
      </c>
      <c r="D24" s="7">
        <v>1773200</v>
      </c>
      <c r="E24" s="7">
        <v>503072.55</v>
      </c>
      <c r="F24" s="7">
        <v>28.37</v>
      </c>
      <c r="G24" s="7">
        <v>1799057.05</v>
      </c>
      <c r="H24" s="7">
        <v>101.46</v>
      </c>
      <c r="I24" s="7">
        <v>-25857.05</v>
      </c>
    </row>
    <row r="25" spans="1:9" x14ac:dyDescent="0.25">
      <c r="A25" s="2" t="s">
        <v>43</v>
      </c>
      <c r="B25" s="4" t="s">
        <v>44</v>
      </c>
      <c r="C25" s="7">
        <v>68379300</v>
      </c>
      <c r="D25" s="7">
        <v>68384300</v>
      </c>
      <c r="E25" s="7">
        <v>10592319.949999999</v>
      </c>
      <c r="F25" s="7">
        <v>15.49</v>
      </c>
      <c r="G25" s="7">
        <v>55643985.619999997</v>
      </c>
      <c r="H25" s="7">
        <v>81.37</v>
      </c>
      <c r="I25" s="7">
        <v>12740314.380000001</v>
      </c>
    </row>
    <row r="26" spans="1:9" x14ac:dyDescent="0.25">
      <c r="A26" s="2" t="s">
        <v>45</v>
      </c>
      <c r="B26" s="4" t="s">
        <v>46</v>
      </c>
      <c r="C26" s="7">
        <v>0</v>
      </c>
      <c r="D26" s="7">
        <v>0</v>
      </c>
      <c r="E26" s="7">
        <v>0</v>
      </c>
      <c r="F26" s="7">
        <v>0</v>
      </c>
      <c r="G26" s="7">
        <v>0</v>
      </c>
      <c r="H26" s="7">
        <v>0</v>
      </c>
      <c r="I26" s="7">
        <v>0</v>
      </c>
    </row>
    <row r="27" spans="1:9" x14ac:dyDescent="0.25">
      <c r="A27" s="2" t="s">
        <v>47</v>
      </c>
      <c r="B27" s="4" t="s">
        <v>48</v>
      </c>
      <c r="C27" s="7">
        <v>25200000</v>
      </c>
      <c r="D27" s="7">
        <v>25200000</v>
      </c>
      <c r="E27" s="7">
        <v>278819.39</v>
      </c>
      <c r="F27" s="7">
        <v>1.1100000000000001</v>
      </c>
      <c r="G27" s="7">
        <v>21942525</v>
      </c>
      <c r="H27" s="7">
        <v>87.07</v>
      </c>
      <c r="I27" s="7">
        <v>3257475</v>
      </c>
    </row>
    <row r="28" spans="1:9" x14ac:dyDescent="0.25">
      <c r="A28" s="2" t="s">
        <v>49</v>
      </c>
      <c r="B28" s="4" t="s">
        <v>50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</row>
    <row r="29" spans="1:9" x14ac:dyDescent="0.25">
      <c r="A29" s="2" t="s">
        <v>51</v>
      </c>
      <c r="B29" s="4" t="s">
        <v>52</v>
      </c>
      <c r="C29" s="7">
        <v>16050000</v>
      </c>
      <c r="D29" s="7">
        <v>16050000</v>
      </c>
      <c r="E29" s="7">
        <v>2035775.17</v>
      </c>
      <c r="F29" s="7">
        <v>12.68</v>
      </c>
      <c r="G29" s="7">
        <v>10255696.74</v>
      </c>
      <c r="H29" s="7">
        <v>63.9</v>
      </c>
      <c r="I29" s="7">
        <v>5794303.2599999998</v>
      </c>
    </row>
    <row r="30" spans="1:9" x14ac:dyDescent="0.25">
      <c r="A30" s="2" t="s">
        <v>53</v>
      </c>
      <c r="B30" s="4" t="s">
        <v>54</v>
      </c>
      <c r="C30" s="7">
        <v>0</v>
      </c>
      <c r="D30" s="7">
        <v>0</v>
      </c>
      <c r="E30" s="7">
        <v>0</v>
      </c>
      <c r="F30" s="7">
        <v>0</v>
      </c>
      <c r="G30" s="7">
        <v>0</v>
      </c>
      <c r="H30" s="7">
        <v>0</v>
      </c>
      <c r="I30" s="7">
        <v>0</v>
      </c>
    </row>
    <row r="31" spans="1:9" x14ac:dyDescent="0.25">
      <c r="A31" s="2" t="s">
        <v>55</v>
      </c>
      <c r="B31" s="4" t="s">
        <v>56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</row>
    <row r="32" spans="1:9" x14ac:dyDescent="0.25">
      <c r="A32" s="2" t="s">
        <v>57</v>
      </c>
      <c r="B32" s="4" t="s">
        <v>58</v>
      </c>
      <c r="C32" s="7">
        <v>0</v>
      </c>
      <c r="D32" s="7">
        <v>0</v>
      </c>
      <c r="E32" s="7">
        <v>0</v>
      </c>
      <c r="F32" s="7">
        <v>0</v>
      </c>
      <c r="G32" s="7">
        <v>0</v>
      </c>
      <c r="H32" s="7">
        <v>0</v>
      </c>
      <c r="I32" s="7">
        <v>0</v>
      </c>
    </row>
    <row r="33" spans="1:9" x14ac:dyDescent="0.25">
      <c r="A33" s="3" t="s">
        <v>59</v>
      </c>
      <c r="B33" s="5" t="s">
        <v>60</v>
      </c>
      <c r="C33" s="6">
        <v>745662900</v>
      </c>
      <c r="D33" s="6">
        <v>932086535</v>
      </c>
      <c r="E33" s="6">
        <v>157360667.97999999</v>
      </c>
      <c r="F33" s="6">
        <v>16.88</v>
      </c>
      <c r="G33" s="6">
        <v>716710066.70000005</v>
      </c>
      <c r="H33" s="6">
        <v>76.89</v>
      </c>
      <c r="I33" s="6">
        <v>215376468.30000001</v>
      </c>
    </row>
    <row r="34" spans="1:9" x14ac:dyDescent="0.25">
      <c r="A34" s="2" t="s">
        <v>61</v>
      </c>
      <c r="B34" s="4" t="s">
        <v>62</v>
      </c>
      <c r="C34" s="7">
        <v>670450900</v>
      </c>
      <c r="D34" s="7">
        <v>856874535</v>
      </c>
      <c r="E34" s="7">
        <v>145822595.44999999</v>
      </c>
      <c r="F34" s="7">
        <v>17.02</v>
      </c>
      <c r="G34" s="7">
        <v>659572651.91999996</v>
      </c>
      <c r="H34" s="7">
        <v>76.97</v>
      </c>
      <c r="I34" s="7">
        <v>197301883.08000001</v>
      </c>
    </row>
    <row r="35" spans="1:9" x14ac:dyDescent="0.25">
      <c r="A35" s="2" t="s">
        <v>63</v>
      </c>
      <c r="B35" s="4" t="s">
        <v>64</v>
      </c>
      <c r="C35" s="7">
        <v>2283000</v>
      </c>
      <c r="D35" s="7">
        <v>2283000</v>
      </c>
      <c r="E35" s="7">
        <v>264492.57</v>
      </c>
      <c r="F35" s="7">
        <v>11.59</v>
      </c>
      <c r="G35" s="7">
        <v>1299474.3400000001</v>
      </c>
      <c r="H35" s="7">
        <v>56.92</v>
      </c>
      <c r="I35" s="7">
        <v>983525.66</v>
      </c>
    </row>
    <row r="36" spans="1:9" x14ac:dyDescent="0.25">
      <c r="A36" s="2" t="s">
        <v>65</v>
      </c>
      <c r="B36" s="4" t="s">
        <v>66</v>
      </c>
      <c r="C36" s="7">
        <v>64580000</v>
      </c>
      <c r="D36" s="7">
        <v>64580000</v>
      </c>
      <c r="E36" s="7">
        <v>9495635.0800000001</v>
      </c>
      <c r="F36" s="7">
        <v>14.7</v>
      </c>
      <c r="G36" s="7">
        <v>48317835.719999999</v>
      </c>
      <c r="H36" s="7">
        <v>74.819999999999993</v>
      </c>
      <c r="I36" s="7">
        <v>16262164.279999999</v>
      </c>
    </row>
    <row r="37" spans="1:9" x14ac:dyDescent="0.25">
      <c r="A37" s="2" t="s">
        <v>67</v>
      </c>
      <c r="B37" s="4" t="s">
        <v>68</v>
      </c>
      <c r="C37" s="7">
        <v>0</v>
      </c>
      <c r="D37" s="7">
        <v>0</v>
      </c>
      <c r="E37" s="7">
        <v>0</v>
      </c>
      <c r="F37" s="7">
        <v>0</v>
      </c>
      <c r="G37" s="7">
        <v>0</v>
      </c>
      <c r="H37" s="7">
        <v>0</v>
      </c>
      <c r="I37" s="7">
        <v>0</v>
      </c>
    </row>
    <row r="38" spans="1:9" x14ac:dyDescent="0.25">
      <c r="A38" s="2" t="s">
        <v>69</v>
      </c>
      <c r="B38" s="4" t="s">
        <v>70</v>
      </c>
      <c r="C38" s="7">
        <v>8349000</v>
      </c>
      <c r="D38" s="7">
        <v>8349000</v>
      </c>
      <c r="E38" s="7">
        <v>1777944.88</v>
      </c>
      <c r="F38" s="7">
        <v>21.3</v>
      </c>
      <c r="G38" s="7">
        <v>7520104.7199999997</v>
      </c>
      <c r="H38" s="7">
        <v>90.07</v>
      </c>
      <c r="I38" s="7">
        <v>828895.28</v>
      </c>
    </row>
    <row r="39" spans="1:9" x14ac:dyDescent="0.25">
      <c r="A39" s="3" t="s">
        <v>71</v>
      </c>
      <c r="B39" s="5" t="s">
        <v>72</v>
      </c>
      <c r="C39" s="6">
        <v>3449217100</v>
      </c>
      <c r="D39" s="6">
        <v>3459683100</v>
      </c>
      <c r="E39" s="6">
        <v>1094993197.1300001</v>
      </c>
      <c r="F39" s="6">
        <v>31.65</v>
      </c>
      <c r="G39" s="6">
        <v>3218681710.1199999</v>
      </c>
      <c r="H39" s="6">
        <v>93.03</v>
      </c>
      <c r="I39" s="6">
        <v>241001389.88</v>
      </c>
    </row>
    <row r="40" spans="1:9" x14ac:dyDescent="0.25">
      <c r="A40" s="2" t="s">
        <v>73</v>
      </c>
      <c r="B40" s="4" t="s">
        <v>74</v>
      </c>
      <c r="C40" s="7">
        <v>1559016200</v>
      </c>
      <c r="D40" s="7">
        <v>1569016200</v>
      </c>
      <c r="E40" s="7">
        <v>203532371.18000001</v>
      </c>
      <c r="F40" s="7">
        <v>12.97</v>
      </c>
      <c r="G40" s="7">
        <v>1137458392.52</v>
      </c>
      <c r="H40" s="7">
        <v>72.5</v>
      </c>
      <c r="I40" s="7">
        <v>431557807.48000002</v>
      </c>
    </row>
    <row r="41" spans="1:9" x14ac:dyDescent="0.25">
      <c r="A41" s="2" t="s">
        <v>75</v>
      </c>
      <c r="B41" s="4" t="s">
        <v>76</v>
      </c>
      <c r="C41" s="7">
        <v>0</v>
      </c>
      <c r="D41" s="7">
        <v>0</v>
      </c>
      <c r="E41" s="7">
        <v>0</v>
      </c>
      <c r="F41" s="7">
        <v>0</v>
      </c>
      <c r="G41" s="7">
        <v>0</v>
      </c>
      <c r="H41" s="7">
        <v>0</v>
      </c>
      <c r="I41" s="7">
        <v>0</v>
      </c>
    </row>
    <row r="42" spans="1:9" x14ac:dyDescent="0.25">
      <c r="A42" s="2" t="s">
        <v>77</v>
      </c>
      <c r="B42" s="4" t="s">
        <v>78</v>
      </c>
      <c r="C42" s="7">
        <v>386600</v>
      </c>
      <c r="D42" s="7">
        <v>406600</v>
      </c>
      <c r="E42" s="7">
        <v>1763477.41</v>
      </c>
      <c r="F42" s="7">
        <v>433.71</v>
      </c>
      <c r="G42" s="7">
        <v>4508564.88</v>
      </c>
      <c r="H42" s="7">
        <v>1108.8499999999999</v>
      </c>
      <c r="I42" s="7">
        <v>-4101964.88</v>
      </c>
    </row>
    <row r="43" spans="1:9" x14ac:dyDescent="0.25">
      <c r="A43" s="2" t="s">
        <v>79</v>
      </c>
      <c r="B43" s="4" t="s">
        <v>80</v>
      </c>
      <c r="C43" s="7">
        <v>731302900</v>
      </c>
      <c r="D43" s="7">
        <v>731748900</v>
      </c>
      <c r="E43" s="7">
        <v>710145207.03999996</v>
      </c>
      <c r="F43" s="7">
        <v>97.05</v>
      </c>
      <c r="G43" s="7">
        <v>1163043298.4200001</v>
      </c>
      <c r="H43" s="7">
        <v>158.94</v>
      </c>
      <c r="I43" s="7">
        <v>-431294398.42000002</v>
      </c>
    </row>
    <row r="44" spans="1:9" x14ac:dyDescent="0.25">
      <c r="A44" s="2" t="s">
        <v>81</v>
      </c>
      <c r="B44" s="4" t="s">
        <v>82</v>
      </c>
      <c r="C44" s="7">
        <v>1153811400</v>
      </c>
      <c r="D44" s="7">
        <v>1153811400</v>
      </c>
      <c r="E44" s="7">
        <v>179551920.40000001</v>
      </c>
      <c r="F44" s="7">
        <v>15.56</v>
      </c>
      <c r="G44" s="7">
        <v>913667858.05999994</v>
      </c>
      <c r="H44" s="7">
        <v>79.19</v>
      </c>
      <c r="I44" s="7">
        <v>240143541.94</v>
      </c>
    </row>
    <row r="45" spans="1:9" x14ac:dyDescent="0.25">
      <c r="A45" s="2" t="s">
        <v>83</v>
      </c>
      <c r="B45" s="4" t="s">
        <v>84</v>
      </c>
      <c r="C45" s="7">
        <v>4000000</v>
      </c>
      <c r="D45" s="7">
        <v>4000000</v>
      </c>
      <c r="E45" s="7">
        <v>221.1</v>
      </c>
      <c r="F45" s="7">
        <v>0.01</v>
      </c>
      <c r="G45" s="7">
        <v>3596.24</v>
      </c>
      <c r="H45" s="7">
        <v>0.09</v>
      </c>
      <c r="I45" s="7">
        <v>3996403.76</v>
      </c>
    </row>
    <row r="46" spans="1:9" x14ac:dyDescent="0.25">
      <c r="A46" s="2" t="s">
        <v>85</v>
      </c>
      <c r="B46" s="4" t="s">
        <v>86</v>
      </c>
      <c r="C46" s="7">
        <v>700000</v>
      </c>
      <c r="D46" s="7">
        <v>700000</v>
      </c>
      <c r="E46" s="7">
        <v>0</v>
      </c>
      <c r="F46" s="7">
        <v>0</v>
      </c>
      <c r="G46" s="7">
        <v>0</v>
      </c>
      <c r="H46" s="7">
        <v>0</v>
      </c>
      <c r="I46" s="7">
        <v>700000</v>
      </c>
    </row>
    <row r="47" spans="1:9" x14ac:dyDescent="0.25">
      <c r="A47" s="2" t="s">
        <v>87</v>
      </c>
      <c r="B47" s="4" t="s">
        <v>88</v>
      </c>
      <c r="C47" s="7">
        <v>0</v>
      </c>
      <c r="D47" s="7">
        <v>0</v>
      </c>
      <c r="E47" s="7">
        <v>0</v>
      </c>
      <c r="F47" s="7">
        <v>0</v>
      </c>
      <c r="G47" s="7">
        <v>0</v>
      </c>
      <c r="H47" s="7">
        <v>0</v>
      </c>
      <c r="I47" s="7">
        <v>0</v>
      </c>
    </row>
    <row r="48" spans="1:9" x14ac:dyDescent="0.25">
      <c r="A48" s="3" t="s">
        <v>89</v>
      </c>
      <c r="B48" s="5" t="s">
        <v>90</v>
      </c>
      <c r="C48" s="6">
        <v>59045900</v>
      </c>
      <c r="D48" s="6">
        <v>60994900</v>
      </c>
      <c r="E48" s="6">
        <v>16615503.220000001</v>
      </c>
      <c r="F48" s="6">
        <v>27.24</v>
      </c>
      <c r="G48" s="6">
        <v>75388376</v>
      </c>
      <c r="H48" s="6">
        <v>123.6</v>
      </c>
      <c r="I48" s="6">
        <v>-14393476</v>
      </c>
    </row>
    <row r="49" spans="1:9" x14ac:dyDescent="0.25">
      <c r="A49" s="2" t="s">
        <v>91</v>
      </c>
      <c r="B49" s="4" t="s">
        <v>92</v>
      </c>
      <c r="C49" s="7">
        <v>39014300</v>
      </c>
      <c r="D49" s="7">
        <v>39014300</v>
      </c>
      <c r="E49" s="7">
        <v>9278734.1500000004</v>
      </c>
      <c r="F49" s="7">
        <v>23.78</v>
      </c>
      <c r="G49" s="7">
        <v>38822684.609999999</v>
      </c>
      <c r="H49" s="7">
        <v>99.51</v>
      </c>
      <c r="I49" s="7">
        <v>191615.39</v>
      </c>
    </row>
    <row r="50" spans="1:9" x14ac:dyDescent="0.25">
      <c r="A50" s="2" t="s">
        <v>93</v>
      </c>
      <c r="B50" s="4" t="s">
        <v>94</v>
      </c>
      <c r="C50" s="7">
        <v>16202300</v>
      </c>
      <c r="D50" s="7">
        <v>17851300</v>
      </c>
      <c r="E50" s="7">
        <v>5092116.04</v>
      </c>
      <c r="F50" s="7">
        <v>28.53</v>
      </c>
      <c r="G50" s="7">
        <v>24215645.370000001</v>
      </c>
      <c r="H50" s="7">
        <v>135.65</v>
      </c>
      <c r="I50" s="7">
        <v>-6364345.3700000001</v>
      </c>
    </row>
    <row r="51" spans="1:9" x14ac:dyDescent="0.25">
      <c r="A51" s="2" t="s">
        <v>95</v>
      </c>
      <c r="B51" s="4" t="s">
        <v>96</v>
      </c>
      <c r="C51" s="7">
        <v>0</v>
      </c>
      <c r="D51" s="7">
        <v>0</v>
      </c>
      <c r="E51" s="7">
        <v>0</v>
      </c>
      <c r="F51" s="7">
        <v>0</v>
      </c>
      <c r="G51" s="7">
        <v>0</v>
      </c>
      <c r="H51" s="7">
        <v>0</v>
      </c>
      <c r="I51" s="7">
        <v>0</v>
      </c>
    </row>
    <row r="52" spans="1:9" x14ac:dyDescent="0.25">
      <c r="A52" s="2" t="s">
        <v>97</v>
      </c>
      <c r="B52" s="4" t="s">
        <v>98</v>
      </c>
      <c r="C52" s="7">
        <v>3829300</v>
      </c>
      <c r="D52" s="7">
        <v>4129300</v>
      </c>
      <c r="E52" s="7">
        <v>2244653.0299999998</v>
      </c>
      <c r="F52" s="7">
        <v>54.36</v>
      </c>
      <c r="G52" s="7">
        <v>12350046.02</v>
      </c>
      <c r="H52" s="7">
        <v>299.08</v>
      </c>
      <c r="I52" s="7">
        <v>-8220746.0199999996</v>
      </c>
    </row>
    <row r="53" spans="1:9" x14ac:dyDescent="0.25">
      <c r="A53" s="3" t="s">
        <v>99</v>
      </c>
      <c r="B53" s="5" t="s">
        <v>100</v>
      </c>
      <c r="C53" s="6">
        <v>1662480100</v>
      </c>
      <c r="D53" s="6">
        <v>1712796663</v>
      </c>
      <c r="E53" s="6">
        <v>-462344367.69999999</v>
      </c>
      <c r="F53" s="6">
        <v>-26.99</v>
      </c>
      <c r="G53" s="6">
        <v>80819254</v>
      </c>
      <c r="H53" s="6">
        <v>4.72</v>
      </c>
      <c r="I53" s="6">
        <v>1631977409</v>
      </c>
    </row>
    <row r="54" spans="1:9" x14ac:dyDescent="0.25">
      <c r="A54" s="3" t="s">
        <v>101</v>
      </c>
      <c r="B54" s="5" t="s">
        <v>102</v>
      </c>
      <c r="C54" s="6">
        <v>23453900</v>
      </c>
      <c r="D54" s="6">
        <v>55793379</v>
      </c>
      <c r="E54" s="6">
        <v>0</v>
      </c>
      <c r="F54" s="6">
        <v>0</v>
      </c>
      <c r="G54" s="6">
        <v>11562423.890000001</v>
      </c>
      <c r="H54" s="6">
        <v>20.72</v>
      </c>
      <c r="I54" s="6">
        <v>44230955.109999999</v>
      </c>
    </row>
    <row r="55" spans="1:9" x14ac:dyDescent="0.25">
      <c r="A55" s="2" t="s">
        <v>103</v>
      </c>
      <c r="B55" s="4" t="s">
        <v>104</v>
      </c>
      <c r="C55" s="7">
        <v>10788200</v>
      </c>
      <c r="D55" s="7">
        <v>43127679</v>
      </c>
      <c r="E55" s="7">
        <v>0</v>
      </c>
      <c r="F55" s="7">
        <v>0</v>
      </c>
      <c r="G55" s="7">
        <v>11562423.890000001</v>
      </c>
      <c r="H55" s="7">
        <v>26.81</v>
      </c>
      <c r="I55" s="7">
        <v>31565255.109999999</v>
      </c>
    </row>
    <row r="56" spans="1:9" x14ac:dyDescent="0.25">
      <c r="A56" s="2" t="s">
        <v>105</v>
      </c>
      <c r="B56" s="4" t="s">
        <v>106</v>
      </c>
      <c r="C56" s="7">
        <v>12665700</v>
      </c>
      <c r="D56" s="7">
        <v>12665700</v>
      </c>
      <c r="E56" s="7">
        <v>0</v>
      </c>
      <c r="F56" s="7">
        <v>0</v>
      </c>
      <c r="G56" s="7">
        <v>0</v>
      </c>
      <c r="H56" s="7">
        <v>0</v>
      </c>
      <c r="I56" s="7">
        <v>12665700</v>
      </c>
    </row>
    <row r="57" spans="1:9" x14ac:dyDescent="0.25">
      <c r="A57" s="3" t="s">
        <v>107</v>
      </c>
      <c r="B57" s="5" t="s">
        <v>108</v>
      </c>
      <c r="C57" s="6">
        <v>5151000</v>
      </c>
      <c r="D57" s="6">
        <v>6249900</v>
      </c>
      <c r="E57" s="6">
        <v>199300</v>
      </c>
      <c r="F57" s="6">
        <v>3.19</v>
      </c>
      <c r="G57" s="6">
        <v>1434365.44</v>
      </c>
      <c r="H57" s="6">
        <v>22.95</v>
      </c>
      <c r="I57" s="6">
        <v>4815534.5599999996</v>
      </c>
    </row>
    <row r="58" spans="1:9" x14ac:dyDescent="0.25">
      <c r="A58" s="2" t="s">
        <v>109</v>
      </c>
      <c r="B58" s="4" t="s">
        <v>110</v>
      </c>
      <c r="C58" s="7">
        <v>1343600</v>
      </c>
      <c r="D58" s="7">
        <v>1605500</v>
      </c>
      <c r="E58" s="7">
        <v>199300</v>
      </c>
      <c r="F58" s="7">
        <v>12.41</v>
      </c>
      <c r="G58" s="7">
        <v>623900</v>
      </c>
      <c r="H58" s="7">
        <v>38.86</v>
      </c>
      <c r="I58" s="7">
        <v>981600</v>
      </c>
    </row>
    <row r="59" spans="1:9" x14ac:dyDescent="0.25">
      <c r="A59" s="2" t="s">
        <v>111</v>
      </c>
      <c r="B59" s="4" t="s">
        <v>112</v>
      </c>
      <c r="C59" s="7">
        <v>3807400</v>
      </c>
      <c r="D59" s="7">
        <v>4644400</v>
      </c>
      <c r="E59" s="7">
        <v>0</v>
      </c>
      <c r="F59" s="7">
        <v>0</v>
      </c>
      <c r="G59" s="7">
        <v>810465.44</v>
      </c>
      <c r="H59" s="7">
        <v>17.45</v>
      </c>
      <c r="I59" s="7">
        <v>3833934.56</v>
      </c>
    </row>
    <row r="60" spans="1:9" x14ac:dyDescent="0.25">
      <c r="A60" s="2" t="s">
        <v>113</v>
      </c>
      <c r="B60" s="4" t="s">
        <v>114</v>
      </c>
      <c r="C60" s="7">
        <v>0</v>
      </c>
      <c r="D60" s="7">
        <v>0</v>
      </c>
      <c r="E60" s="7">
        <v>0</v>
      </c>
      <c r="F60" s="7">
        <v>0</v>
      </c>
      <c r="G60" s="7">
        <v>0</v>
      </c>
      <c r="H60" s="7">
        <v>0</v>
      </c>
      <c r="I60" s="7">
        <v>0</v>
      </c>
    </row>
    <row r="61" spans="1:9" x14ac:dyDescent="0.25">
      <c r="A61" s="2" t="s">
        <v>115</v>
      </c>
      <c r="B61" s="4" t="s">
        <v>116</v>
      </c>
      <c r="C61" s="7">
        <v>5209900</v>
      </c>
      <c r="D61" s="7">
        <v>5209900</v>
      </c>
      <c r="E61" s="7">
        <v>1596107.08</v>
      </c>
      <c r="F61" s="7">
        <v>30.64</v>
      </c>
      <c r="G61" s="7">
        <v>7407935.9199999999</v>
      </c>
      <c r="H61" s="7">
        <v>142.19</v>
      </c>
      <c r="I61" s="7">
        <v>-2198035.92</v>
      </c>
    </row>
    <row r="62" spans="1:9" x14ac:dyDescent="0.25">
      <c r="A62" s="3" t="s">
        <v>117</v>
      </c>
      <c r="B62" s="5" t="s">
        <v>118</v>
      </c>
      <c r="C62" s="6">
        <v>1008447800</v>
      </c>
      <c r="D62" s="6">
        <v>1025325984</v>
      </c>
      <c r="E62" s="6">
        <v>-464139774.77999997</v>
      </c>
      <c r="F62" s="6">
        <v>-45.27</v>
      </c>
      <c r="G62" s="6">
        <v>60414528.75</v>
      </c>
      <c r="H62" s="6">
        <v>5.89</v>
      </c>
      <c r="I62" s="6">
        <v>964911455.25</v>
      </c>
    </row>
    <row r="63" spans="1:9" x14ac:dyDescent="0.25">
      <c r="A63" s="2" t="s">
        <v>119</v>
      </c>
      <c r="B63" s="4" t="s">
        <v>74</v>
      </c>
      <c r="C63" s="7">
        <v>362988600</v>
      </c>
      <c r="D63" s="7">
        <v>379866784</v>
      </c>
      <c r="E63" s="7">
        <v>6697325.2800000003</v>
      </c>
      <c r="F63" s="7">
        <v>1.76</v>
      </c>
      <c r="G63" s="7">
        <v>46055165.299999997</v>
      </c>
      <c r="H63" s="7">
        <v>12.12</v>
      </c>
      <c r="I63" s="7">
        <v>333811618.69999999</v>
      </c>
    </row>
    <row r="64" spans="1:9" x14ac:dyDescent="0.25">
      <c r="A64" s="2" t="s">
        <v>120</v>
      </c>
      <c r="B64" s="4" t="s">
        <v>76</v>
      </c>
      <c r="C64" s="7">
        <v>1285600</v>
      </c>
      <c r="D64" s="7">
        <v>1285600</v>
      </c>
      <c r="E64" s="7">
        <v>3786125.36</v>
      </c>
      <c r="F64" s="7">
        <v>294.5</v>
      </c>
      <c r="G64" s="7">
        <v>14309363.449999999</v>
      </c>
      <c r="H64" s="7">
        <v>1113.05</v>
      </c>
      <c r="I64" s="7">
        <v>-13023763.449999999</v>
      </c>
    </row>
    <row r="65" spans="1:9" x14ac:dyDescent="0.25">
      <c r="A65" s="2" t="s">
        <v>121</v>
      </c>
      <c r="B65" s="4" t="s">
        <v>78</v>
      </c>
      <c r="C65" s="7">
        <v>8000</v>
      </c>
      <c r="D65" s="7">
        <v>8000</v>
      </c>
      <c r="E65" s="7">
        <v>0</v>
      </c>
      <c r="F65" s="7">
        <v>0</v>
      </c>
      <c r="G65" s="7">
        <v>0</v>
      </c>
      <c r="H65" s="7">
        <v>0</v>
      </c>
      <c r="I65" s="7">
        <v>8000</v>
      </c>
    </row>
    <row r="66" spans="1:9" x14ac:dyDescent="0.25">
      <c r="A66" s="2" t="s">
        <v>122</v>
      </c>
      <c r="B66" s="4" t="s">
        <v>80</v>
      </c>
      <c r="C66" s="7">
        <v>642644900</v>
      </c>
      <c r="D66" s="7">
        <v>642644900</v>
      </c>
      <c r="E66" s="7">
        <v>-474623225.42000002</v>
      </c>
      <c r="F66" s="7">
        <v>-73.849999999999994</v>
      </c>
      <c r="G66" s="7">
        <v>50000</v>
      </c>
      <c r="H66" s="7">
        <v>0.01</v>
      </c>
      <c r="I66" s="7">
        <v>642594900</v>
      </c>
    </row>
    <row r="67" spans="1:9" x14ac:dyDescent="0.25">
      <c r="A67" s="2" t="s">
        <v>123</v>
      </c>
      <c r="B67" s="4" t="s">
        <v>82</v>
      </c>
      <c r="C67" s="7">
        <v>0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  <c r="I67" s="7">
        <v>0</v>
      </c>
    </row>
    <row r="68" spans="1:9" x14ac:dyDescent="0.25">
      <c r="A68" s="2" t="s">
        <v>124</v>
      </c>
      <c r="B68" s="4" t="s">
        <v>84</v>
      </c>
      <c r="C68" s="7">
        <v>1000000</v>
      </c>
      <c r="D68" s="7">
        <v>1000000</v>
      </c>
      <c r="E68" s="7">
        <v>0</v>
      </c>
      <c r="F68" s="7">
        <v>0</v>
      </c>
      <c r="G68" s="7">
        <v>0</v>
      </c>
      <c r="H68" s="7">
        <v>0</v>
      </c>
      <c r="I68" s="7">
        <v>1000000</v>
      </c>
    </row>
    <row r="69" spans="1:9" x14ac:dyDescent="0.25">
      <c r="A69" s="2" t="s">
        <v>125</v>
      </c>
      <c r="B69" s="4" t="s">
        <v>86</v>
      </c>
      <c r="C69" s="7">
        <v>520700</v>
      </c>
      <c r="D69" s="7">
        <v>520700</v>
      </c>
      <c r="E69" s="7">
        <v>0</v>
      </c>
      <c r="F69" s="7">
        <v>0</v>
      </c>
      <c r="G69" s="7">
        <v>0</v>
      </c>
      <c r="H69" s="7">
        <v>0</v>
      </c>
      <c r="I69" s="7">
        <v>520700</v>
      </c>
    </row>
    <row r="70" spans="1:9" x14ac:dyDescent="0.25">
      <c r="A70" s="2" t="s">
        <v>126</v>
      </c>
      <c r="B70" s="4" t="s">
        <v>88</v>
      </c>
      <c r="C70" s="7">
        <v>0</v>
      </c>
      <c r="D70" s="7">
        <v>0</v>
      </c>
      <c r="E70" s="7">
        <v>0</v>
      </c>
      <c r="F70" s="7">
        <v>0</v>
      </c>
      <c r="G70" s="7">
        <v>0</v>
      </c>
      <c r="H70" s="7">
        <v>0</v>
      </c>
      <c r="I70" s="7">
        <v>0</v>
      </c>
    </row>
    <row r="71" spans="1:9" x14ac:dyDescent="0.25">
      <c r="A71" s="3" t="s">
        <v>127</v>
      </c>
      <c r="B71" s="5" t="s">
        <v>128</v>
      </c>
      <c r="C71" s="6">
        <v>620217500</v>
      </c>
      <c r="D71" s="6">
        <v>620217500</v>
      </c>
      <c r="E71" s="6">
        <v>0</v>
      </c>
      <c r="F71" s="6">
        <v>0</v>
      </c>
      <c r="G71" s="6">
        <v>0</v>
      </c>
      <c r="H71" s="6">
        <v>0</v>
      </c>
      <c r="I71" s="6">
        <v>620217500</v>
      </c>
    </row>
    <row r="72" spans="1:9" x14ac:dyDescent="0.25">
      <c r="A72" s="2" t="s">
        <v>129</v>
      </c>
      <c r="B72" s="4" t="s">
        <v>130</v>
      </c>
      <c r="C72" s="7">
        <v>0</v>
      </c>
      <c r="D72" s="7">
        <v>0</v>
      </c>
      <c r="E72" s="7">
        <v>0</v>
      </c>
      <c r="F72" s="7">
        <v>0</v>
      </c>
      <c r="G72" s="7">
        <v>0</v>
      </c>
      <c r="H72" s="7">
        <v>0</v>
      </c>
      <c r="I72" s="7">
        <v>0</v>
      </c>
    </row>
    <row r="73" spans="1:9" x14ac:dyDescent="0.25">
      <c r="A73" s="2" t="s">
        <v>131</v>
      </c>
      <c r="B73" s="4" t="s">
        <v>132</v>
      </c>
      <c r="C73" s="7">
        <v>0</v>
      </c>
      <c r="D73" s="7">
        <v>0</v>
      </c>
      <c r="E73" s="7">
        <v>0</v>
      </c>
      <c r="F73" s="7">
        <v>0</v>
      </c>
      <c r="G73" s="7">
        <v>0</v>
      </c>
      <c r="H73" s="7">
        <v>0</v>
      </c>
      <c r="I73" s="7">
        <v>0</v>
      </c>
    </row>
    <row r="74" spans="1:9" x14ac:dyDescent="0.25">
      <c r="A74" s="2" t="s">
        <v>133</v>
      </c>
      <c r="B74" s="4" t="s">
        <v>134</v>
      </c>
      <c r="C74" s="7">
        <v>0</v>
      </c>
      <c r="D74" s="7">
        <v>0</v>
      </c>
      <c r="E74" s="7">
        <v>0</v>
      </c>
      <c r="F74" s="7">
        <v>0</v>
      </c>
      <c r="G74" s="7">
        <v>0</v>
      </c>
      <c r="H74" s="7">
        <v>0</v>
      </c>
      <c r="I74" s="7">
        <v>0</v>
      </c>
    </row>
    <row r="75" spans="1:9" x14ac:dyDescent="0.25">
      <c r="A75" s="2" t="s">
        <v>135</v>
      </c>
      <c r="B75" s="4" t="s">
        <v>136</v>
      </c>
      <c r="C75" s="7">
        <v>620217500</v>
      </c>
      <c r="D75" s="7">
        <v>620217500</v>
      </c>
      <c r="E75" s="7">
        <v>0</v>
      </c>
      <c r="F75" s="7">
        <v>0</v>
      </c>
      <c r="G75" s="7">
        <v>0</v>
      </c>
      <c r="H75" s="7">
        <v>0</v>
      </c>
      <c r="I75" s="7">
        <v>620217500</v>
      </c>
    </row>
    <row r="76" spans="1:9" x14ac:dyDescent="0.25">
      <c r="A76" s="2" t="s">
        <v>137</v>
      </c>
      <c r="B76" s="4" t="s">
        <v>138</v>
      </c>
      <c r="C76" s="7">
        <v>1383860500</v>
      </c>
      <c r="D76" s="7">
        <v>2417911500</v>
      </c>
      <c r="E76" s="7">
        <v>439260765.08999997</v>
      </c>
      <c r="F76" s="7">
        <v>18.170000000000002</v>
      </c>
      <c r="G76" s="7">
        <v>1812002477.3499999</v>
      </c>
      <c r="H76" s="7">
        <v>74.94</v>
      </c>
      <c r="I76" s="7">
        <v>605909022.64999998</v>
      </c>
    </row>
    <row r="77" spans="1:9" x14ac:dyDescent="0.25">
      <c r="A77" s="3" t="s">
        <v>139</v>
      </c>
      <c r="B77" s="5" t="s">
        <v>140</v>
      </c>
      <c r="C77" s="6">
        <v>15048000000</v>
      </c>
      <c r="D77" s="6">
        <v>16447631198</v>
      </c>
      <c r="E77" s="6">
        <v>2455359118.1700001</v>
      </c>
      <c r="F77" s="6">
        <v>14.93</v>
      </c>
      <c r="G77" s="6">
        <v>12198708451.709999</v>
      </c>
      <c r="H77" s="6">
        <v>74.17</v>
      </c>
      <c r="I77" s="6">
        <v>4248922746.29</v>
      </c>
    </row>
    <row r="78" spans="1:9" x14ac:dyDescent="0.25">
      <c r="A78" s="3" t="s">
        <v>141</v>
      </c>
      <c r="B78" s="5" t="s">
        <v>142</v>
      </c>
      <c r="C78" s="6">
        <v>0</v>
      </c>
      <c r="D78" s="6">
        <v>0</v>
      </c>
      <c r="E78" s="6">
        <v>0</v>
      </c>
      <c r="F78" s="6">
        <v>0</v>
      </c>
      <c r="G78" s="6">
        <v>0</v>
      </c>
      <c r="H78" s="6">
        <v>0</v>
      </c>
      <c r="I78" s="6">
        <v>0</v>
      </c>
    </row>
    <row r="79" spans="1:9" x14ac:dyDescent="0.25">
      <c r="A79" s="3" t="s">
        <v>143</v>
      </c>
      <c r="B79" s="5" t="s">
        <v>144</v>
      </c>
      <c r="C79" s="6">
        <v>0</v>
      </c>
      <c r="D79" s="6">
        <v>0</v>
      </c>
      <c r="E79" s="6">
        <v>0</v>
      </c>
      <c r="F79" s="6">
        <v>0</v>
      </c>
      <c r="G79" s="6">
        <v>0</v>
      </c>
      <c r="H79" s="6">
        <v>0</v>
      </c>
      <c r="I79" s="6">
        <v>0</v>
      </c>
    </row>
    <row r="80" spans="1:9" x14ac:dyDescent="0.25">
      <c r="A80" s="2" t="s">
        <v>145</v>
      </c>
      <c r="B80" s="4" t="s">
        <v>146</v>
      </c>
      <c r="C80" s="7">
        <v>0</v>
      </c>
      <c r="D80" s="7">
        <v>0</v>
      </c>
      <c r="E80" s="7">
        <v>0</v>
      </c>
      <c r="F80" s="7">
        <v>0</v>
      </c>
      <c r="G80" s="7">
        <v>0</v>
      </c>
      <c r="H80" s="7">
        <v>0</v>
      </c>
      <c r="I80" s="7">
        <v>0</v>
      </c>
    </row>
    <row r="81" spans="1:11" x14ac:dyDescent="0.25">
      <c r="A81" s="2" t="s">
        <v>147</v>
      </c>
      <c r="B81" s="4" t="s">
        <v>148</v>
      </c>
      <c r="C81" s="7">
        <v>0</v>
      </c>
      <c r="D81" s="7">
        <v>0</v>
      </c>
      <c r="E81" s="7">
        <v>0</v>
      </c>
      <c r="F81" s="7">
        <v>0</v>
      </c>
      <c r="G81" s="7">
        <v>0</v>
      </c>
      <c r="H81" s="7">
        <v>0</v>
      </c>
      <c r="I81" s="7">
        <v>0</v>
      </c>
    </row>
    <row r="82" spans="1:11" x14ac:dyDescent="0.25">
      <c r="A82" s="3" t="s">
        <v>149</v>
      </c>
      <c r="B82" s="5" t="s">
        <v>150</v>
      </c>
      <c r="C82" s="6">
        <v>0</v>
      </c>
      <c r="D82" s="6">
        <v>0</v>
      </c>
      <c r="E82" s="6">
        <v>0</v>
      </c>
      <c r="F82" s="6">
        <v>0</v>
      </c>
      <c r="G82" s="6">
        <v>0</v>
      </c>
      <c r="H82" s="6">
        <v>0</v>
      </c>
      <c r="I82" s="6">
        <v>0</v>
      </c>
    </row>
    <row r="83" spans="1:11" x14ac:dyDescent="0.25">
      <c r="A83" s="2" t="s">
        <v>151</v>
      </c>
      <c r="B83" s="4" t="s">
        <v>146</v>
      </c>
      <c r="C83" s="7">
        <v>0</v>
      </c>
      <c r="D83" s="7">
        <v>0</v>
      </c>
      <c r="E83" s="7">
        <v>0</v>
      </c>
      <c r="F83" s="7">
        <v>0</v>
      </c>
      <c r="G83" s="7">
        <v>0</v>
      </c>
      <c r="H83" s="7">
        <v>0</v>
      </c>
      <c r="I83" s="7">
        <v>0</v>
      </c>
    </row>
    <row r="84" spans="1:11" x14ac:dyDescent="0.25">
      <c r="A84" s="2" t="s">
        <v>152</v>
      </c>
      <c r="B84" s="4" t="s">
        <v>148</v>
      </c>
      <c r="C84" s="7">
        <v>0</v>
      </c>
      <c r="D84" s="7">
        <v>0</v>
      </c>
      <c r="E84" s="7">
        <v>0</v>
      </c>
      <c r="F84" s="7">
        <v>0</v>
      </c>
      <c r="G84" s="7">
        <v>0</v>
      </c>
      <c r="H84" s="7">
        <v>0</v>
      </c>
      <c r="I84" s="7">
        <v>0</v>
      </c>
    </row>
    <row r="85" spans="1:11" x14ac:dyDescent="0.25">
      <c r="A85" s="3" t="s">
        <v>153</v>
      </c>
      <c r="B85" s="5" t="s">
        <v>154</v>
      </c>
      <c r="C85" s="6">
        <v>15048000000</v>
      </c>
      <c r="D85" s="6">
        <v>16447631198</v>
      </c>
      <c r="E85" s="6">
        <v>2455359118.1700001</v>
      </c>
      <c r="F85" s="6">
        <v>14.93</v>
      </c>
      <c r="G85" s="6">
        <v>12198708451.709999</v>
      </c>
      <c r="H85" s="6">
        <v>74.17</v>
      </c>
      <c r="I85" s="6">
        <v>4248922746.29</v>
      </c>
    </row>
    <row r="86" spans="1:11" x14ac:dyDescent="0.25">
      <c r="A86" s="2" t="s">
        <v>155</v>
      </c>
      <c r="B86" s="4" t="s">
        <v>156</v>
      </c>
      <c r="C86" s="7">
        <v>0</v>
      </c>
      <c r="D86" s="7">
        <v>0</v>
      </c>
      <c r="E86" s="7">
        <v>0</v>
      </c>
      <c r="F86" s="7">
        <v>0</v>
      </c>
      <c r="G86" s="7">
        <v>0</v>
      </c>
      <c r="H86" s="7">
        <v>0</v>
      </c>
      <c r="I86" s="7">
        <v>0</v>
      </c>
    </row>
    <row r="87" spans="1:11" x14ac:dyDescent="0.25">
      <c r="A87" s="3" t="s">
        <v>157</v>
      </c>
      <c r="B87" s="5" t="s">
        <v>158</v>
      </c>
      <c r="C87" s="6">
        <v>15048000000</v>
      </c>
      <c r="D87" s="6">
        <v>16447631198</v>
      </c>
      <c r="E87" s="6">
        <v>2455359118.1700001</v>
      </c>
      <c r="F87" s="6">
        <v>14.93</v>
      </c>
      <c r="G87" s="6">
        <v>12198708451.709999</v>
      </c>
      <c r="H87" s="6">
        <v>74.17</v>
      </c>
      <c r="I87" s="6">
        <v>4248922746.29</v>
      </c>
    </row>
    <row r="88" spans="1:11" x14ac:dyDescent="0.25">
      <c r="A88" s="3" t="s">
        <v>159</v>
      </c>
      <c r="B88" s="5" t="s">
        <v>160</v>
      </c>
      <c r="C88" s="6">
        <v>0</v>
      </c>
      <c r="D88" s="6">
        <v>101254620.52</v>
      </c>
      <c r="E88" s="6">
        <v>0</v>
      </c>
      <c r="F88" s="6">
        <v>0</v>
      </c>
      <c r="G88" s="6">
        <v>101254620.52</v>
      </c>
      <c r="H88" s="6">
        <v>100</v>
      </c>
      <c r="I88" s="6">
        <v>0</v>
      </c>
    </row>
    <row r="89" spans="1:11" x14ac:dyDescent="0.25">
      <c r="A89" s="2" t="s">
        <v>161</v>
      </c>
      <c r="B89" s="4" t="s">
        <v>162</v>
      </c>
      <c r="C89" s="7">
        <v>0</v>
      </c>
      <c r="D89" s="7">
        <v>0</v>
      </c>
      <c r="E89" s="7">
        <v>0</v>
      </c>
      <c r="F89" s="7">
        <v>0</v>
      </c>
      <c r="G89" s="7">
        <v>0</v>
      </c>
      <c r="H89" s="7">
        <v>0</v>
      </c>
      <c r="I89" s="7">
        <v>0</v>
      </c>
    </row>
    <row r="90" spans="1:11" x14ac:dyDescent="0.25">
      <c r="A90" s="2" t="s">
        <v>163</v>
      </c>
      <c r="B90" s="4" t="s">
        <v>164</v>
      </c>
      <c r="C90" s="7">
        <v>0</v>
      </c>
      <c r="D90" s="7">
        <v>101254620.52</v>
      </c>
      <c r="E90" s="7">
        <v>0</v>
      </c>
      <c r="F90" s="7">
        <v>0</v>
      </c>
      <c r="G90" s="7">
        <v>101254620.52</v>
      </c>
      <c r="H90" s="7">
        <v>100</v>
      </c>
      <c r="I90" s="7">
        <v>0</v>
      </c>
    </row>
    <row r="92" spans="1:11" x14ac:dyDescent="0.25">
      <c r="A92" s="8" t="s">
        <v>6</v>
      </c>
      <c r="B92" s="8" t="s">
        <v>165</v>
      </c>
      <c r="C92" s="8" t="s">
        <v>166</v>
      </c>
      <c r="D92" s="8" t="s">
        <v>167</v>
      </c>
      <c r="E92" s="8" t="s">
        <v>168</v>
      </c>
      <c r="F92" s="8" t="s">
        <v>7</v>
      </c>
      <c r="G92" s="8" t="s">
        <v>171</v>
      </c>
      <c r="H92" s="8" t="s">
        <v>172</v>
      </c>
      <c r="I92" s="8" t="s">
        <v>7</v>
      </c>
      <c r="J92" s="8" t="s">
        <v>174</v>
      </c>
      <c r="K92" s="8" t="s">
        <v>175</v>
      </c>
    </row>
    <row r="93" spans="1:11" x14ac:dyDescent="0.25">
      <c r="A93" s="8" t="s">
        <v>7</v>
      </c>
      <c r="B93" s="8" t="s">
        <v>7</v>
      </c>
      <c r="C93" s="8" t="s">
        <v>7</v>
      </c>
      <c r="D93" s="8" t="s">
        <v>7</v>
      </c>
      <c r="E93" s="1" t="s">
        <v>169</v>
      </c>
      <c r="F93" s="1" t="s">
        <v>170</v>
      </c>
      <c r="G93" s="8" t="s">
        <v>7</v>
      </c>
      <c r="H93" s="1" t="s">
        <v>169</v>
      </c>
      <c r="I93" s="1" t="s">
        <v>173</v>
      </c>
      <c r="J93" s="8" t="s">
        <v>7</v>
      </c>
      <c r="K93" s="8" t="s">
        <v>7</v>
      </c>
    </row>
    <row r="94" spans="1:11" x14ac:dyDescent="0.25">
      <c r="A94" s="3" t="s">
        <v>176</v>
      </c>
      <c r="B94" s="5" t="s">
        <v>177</v>
      </c>
      <c r="C94" s="6">
        <v>13661139500</v>
      </c>
      <c r="D94" s="6">
        <v>14448426134.73</v>
      </c>
      <c r="E94" s="6">
        <v>1973021274.8800001</v>
      </c>
      <c r="F94" s="6">
        <v>11057794005.360001</v>
      </c>
      <c r="G94" s="6">
        <v>3390632129.3699999</v>
      </c>
      <c r="H94" s="6">
        <v>2203422018.96</v>
      </c>
      <c r="I94" s="6">
        <v>10195053247.58</v>
      </c>
      <c r="J94" s="6">
        <v>4253372887.1500001</v>
      </c>
      <c r="K94" s="6">
        <v>9662077839.8999996</v>
      </c>
    </row>
    <row r="95" spans="1:11" x14ac:dyDescent="0.25">
      <c r="A95" s="3" t="s">
        <v>178</v>
      </c>
      <c r="B95" s="5" t="s">
        <v>179</v>
      </c>
      <c r="C95" s="6">
        <v>11860099100</v>
      </c>
      <c r="D95" s="6">
        <v>12527108550.73</v>
      </c>
      <c r="E95" s="6">
        <v>1762182286.02</v>
      </c>
      <c r="F95" s="6">
        <v>9822055946.0499992</v>
      </c>
      <c r="G95" s="6">
        <v>2705052604.6799998</v>
      </c>
      <c r="H95" s="6">
        <v>1970137584.9400001</v>
      </c>
      <c r="I95" s="6">
        <v>9291738261.8299999</v>
      </c>
      <c r="J95" s="6">
        <v>3235370288.9000001</v>
      </c>
      <c r="K95" s="6">
        <v>8778473068.5100002</v>
      </c>
    </row>
    <row r="96" spans="1:11" x14ac:dyDescent="0.25">
      <c r="A96" s="2" t="s">
        <v>180</v>
      </c>
      <c r="B96" s="4" t="s">
        <v>181</v>
      </c>
      <c r="C96" s="7">
        <v>7644650500</v>
      </c>
      <c r="D96" s="7">
        <v>8204779367.6700001</v>
      </c>
      <c r="E96" s="7">
        <v>1328015224.26</v>
      </c>
      <c r="F96" s="7">
        <v>7019973866.8500004</v>
      </c>
      <c r="G96" s="7">
        <v>1184805500.8199999</v>
      </c>
      <c r="H96" s="7">
        <v>1474602770.23</v>
      </c>
      <c r="I96" s="7">
        <v>6784460790.46</v>
      </c>
      <c r="J96" s="7">
        <v>1420318577.21</v>
      </c>
      <c r="K96" s="7">
        <v>6415164276.29</v>
      </c>
    </row>
    <row r="97" spans="1:11" x14ac:dyDescent="0.25">
      <c r="A97" s="2" t="s">
        <v>182</v>
      </c>
      <c r="B97" s="4" t="s">
        <v>183</v>
      </c>
      <c r="C97" s="7">
        <v>469230800</v>
      </c>
      <c r="D97" s="7">
        <v>585516889</v>
      </c>
      <c r="E97" s="7">
        <v>68155207.069999993</v>
      </c>
      <c r="F97" s="7">
        <v>301031478.19999999</v>
      </c>
      <c r="G97" s="7">
        <v>284485410.80000001</v>
      </c>
      <c r="H97" s="7">
        <v>68325799.859999999</v>
      </c>
      <c r="I97" s="7">
        <v>300623013.56999999</v>
      </c>
      <c r="J97" s="7">
        <v>284893875.43000001</v>
      </c>
      <c r="K97" s="7">
        <v>300623013.56999999</v>
      </c>
    </row>
    <row r="98" spans="1:11" x14ac:dyDescent="0.25">
      <c r="A98" s="3" t="s">
        <v>184</v>
      </c>
      <c r="B98" s="5" t="s">
        <v>185</v>
      </c>
      <c r="C98" s="6">
        <v>3746217800</v>
      </c>
      <c r="D98" s="6">
        <v>3736812294.0599999</v>
      </c>
      <c r="E98" s="6">
        <v>366011854.69</v>
      </c>
      <c r="F98" s="6">
        <v>2501050601</v>
      </c>
      <c r="G98" s="6">
        <v>1235761693.0599999</v>
      </c>
      <c r="H98" s="6">
        <v>427209014.85000002</v>
      </c>
      <c r="I98" s="6">
        <v>2206654457.8000002</v>
      </c>
      <c r="J98" s="6">
        <v>1530157836.26</v>
      </c>
      <c r="K98" s="6">
        <v>2062685778.6500001</v>
      </c>
    </row>
    <row r="99" spans="1:11" x14ac:dyDescent="0.25">
      <c r="A99" s="2" t="s">
        <v>186</v>
      </c>
      <c r="B99" s="4" t="s">
        <v>187</v>
      </c>
      <c r="C99" s="7">
        <v>168000000</v>
      </c>
      <c r="D99" s="7">
        <v>168000000</v>
      </c>
      <c r="E99" s="7">
        <v>28000000</v>
      </c>
      <c r="F99" s="7">
        <v>154000000</v>
      </c>
      <c r="G99" s="7">
        <v>14000000</v>
      </c>
      <c r="H99" s="7">
        <v>28000000</v>
      </c>
      <c r="I99" s="7">
        <v>154000000</v>
      </c>
      <c r="J99" s="7">
        <v>14000000</v>
      </c>
      <c r="K99" s="7">
        <v>140000000</v>
      </c>
    </row>
    <row r="100" spans="1:11" x14ac:dyDescent="0.25">
      <c r="A100" s="2" t="s">
        <v>188</v>
      </c>
      <c r="B100" s="4" t="s">
        <v>189</v>
      </c>
      <c r="C100" s="7">
        <v>3578217800</v>
      </c>
      <c r="D100" s="7">
        <v>3568812294.0599999</v>
      </c>
      <c r="E100" s="7">
        <v>338011854.69</v>
      </c>
      <c r="F100" s="7">
        <v>2347050601</v>
      </c>
      <c r="G100" s="7">
        <v>1221761693.0599999</v>
      </c>
      <c r="H100" s="7">
        <v>399209014.85000002</v>
      </c>
      <c r="I100" s="7">
        <v>2052654457.8</v>
      </c>
      <c r="J100" s="7">
        <v>1516157836.26</v>
      </c>
      <c r="K100" s="7">
        <v>1922685778.6500001</v>
      </c>
    </row>
    <row r="101" spans="1:11" x14ac:dyDescent="0.25">
      <c r="A101" s="3" t="s">
        <v>190</v>
      </c>
      <c r="B101" s="5" t="s">
        <v>191</v>
      </c>
      <c r="C101" s="6">
        <v>1674601000</v>
      </c>
      <c r="D101" s="6">
        <v>1921317584</v>
      </c>
      <c r="E101" s="6">
        <v>210838988.86000001</v>
      </c>
      <c r="F101" s="6">
        <v>1235738059.3099999</v>
      </c>
      <c r="G101" s="6">
        <v>685579524.69000006</v>
      </c>
      <c r="H101" s="6">
        <v>233284434.02000001</v>
      </c>
      <c r="I101" s="6">
        <v>903314985.75</v>
      </c>
      <c r="J101" s="6">
        <v>1018002598.25</v>
      </c>
      <c r="K101" s="6">
        <v>883604771.38999999</v>
      </c>
    </row>
    <row r="102" spans="1:11" x14ac:dyDescent="0.25">
      <c r="A102" s="2" t="s">
        <v>192</v>
      </c>
      <c r="B102" s="4" t="s">
        <v>193</v>
      </c>
      <c r="C102" s="7">
        <v>1346694200</v>
      </c>
      <c r="D102" s="7">
        <v>1583069980</v>
      </c>
      <c r="E102" s="7">
        <v>172550981.03999999</v>
      </c>
      <c r="F102" s="7">
        <v>1039511523.34</v>
      </c>
      <c r="G102" s="7">
        <v>543558456.65999997</v>
      </c>
      <c r="H102" s="7">
        <v>195293003.25999999</v>
      </c>
      <c r="I102" s="7">
        <v>714055905.92999995</v>
      </c>
      <c r="J102" s="7">
        <v>869014074.07000005</v>
      </c>
      <c r="K102" s="7">
        <v>694345691.57000005</v>
      </c>
    </row>
    <row r="103" spans="1:11" x14ac:dyDescent="0.25">
      <c r="A103" s="2" t="s">
        <v>194</v>
      </c>
      <c r="B103" s="4" t="s">
        <v>195</v>
      </c>
      <c r="C103" s="7">
        <v>2707800</v>
      </c>
      <c r="D103" s="7">
        <v>9029349</v>
      </c>
      <c r="E103" s="7">
        <v>477819.9</v>
      </c>
      <c r="F103" s="7">
        <v>6785330.2300000004</v>
      </c>
      <c r="G103" s="7">
        <v>2244018.77</v>
      </c>
      <c r="H103" s="7">
        <v>0</v>
      </c>
      <c r="I103" s="7">
        <v>0</v>
      </c>
      <c r="J103" s="7">
        <v>9029349</v>
      </c>
      <c r="K103" s="7">
        <v>0</v>
      </c>
    </row>
    <row r="104" spans="1:11" x14ac:dyDescent="0.25">
      <c r="A104" s="2" t="s">
        <v>196</v>
      </c>
      <c r="B104" s="4" t="s">
        <v>197</v>
      </c>
      <c r="C104" s="7">
        <v>325199000</v>
      </c>
      <c r="D104" s="7">
        <v>329218255</v>
      </c>
      <c r="E104" s="7">
        <v>37810187.920000002</v>
      </c>
      <c r="F104" s="7">
        <v>189441205.74000001</v>
      </c>
      <c r="G104" s="7">
        <v>139777049.25999999</v>
      </c>
      <c r="H104" s="7">
        <v>37991430.759999998</v>
      </c>
      <c r="I104" s="7">
        <v>189259079.81999999</v>
      </c>
      <c r="J104" s="7">
        <v>139959175.18000001</v>
      </c>
      <c r="K104" s="7">
        <v>189259079.81999999</v>
      </c>
    </row>
    <row r="105" spans="1:11" x14ac:dyDescent="0.25">
      <c r="A105" s="2" t="s">
        <v>198</v>
      </c>
      <c r="B105" s="4" t="s">
        <v>199</v>
      </c>
      <c r="C105" s="7">
        <v>126439400</v>
      </c>
      <c r="D105" s="7">
        <v>0</v>
      </c>
      <c r="E105" s="7">
        <v>0</v>
      </c>
      <c r="F105" s="7">
        <v>0</v>
      </c>
      <c r="G105" s="7">
        <v>0</v>
      </c>
      <c r="H105" s="7">
        <v>0</v>
      </c>
      <c r="I105" s="7">
        <v>0</v>
      </c>
      <c r="J105" s="7">
        <v>0</v>
      </c>
      <c r="K105" s="7">
        <v>0</v>
      </c>
    </row>
    <row r="106" spans="1:11" x14ac:dyDescent="0.25">
      <c r="A106" s="2" t="s">
        <v>200</v>
      </c>
      <c r="B106" s="4" t="s">
        <v>201</v>
      </c>
      <c r="C106" s="7">
        <v>1386860500</v>
      </c>
      <c r="D106" s="7">
        <v>2100459683.79</v>
      </c>
      <c r="E106" s="7">
        <v>411072146.62</v>
      </c>
      <c r="F106" s="7">
        <v>1900851105.77</v>
      </c>
      <c r="G106" s="7">
        <v>199608578.02000001</v>
      </c>
      <c r="H106" s="7">
        <v>426316136.83999997</v>
      </c>
      <c r="I106" s="7">
        <v>1862225664.27</v>
      </c>
      <c r="J106" s="7">
        <v>238234019.52000001</v>
      </c>
      <c r="K106" s="7">
        <v>1738694605.76</v>
      </c>
    </row>
    <row r="107" spans="1:11" x14ac:dyDescent="0.25">
      <c r="A107" s="3" t="s">
        <v>202</v>
      </c>
      <c r="B107" s="5" t="s">
        <v>203</v>
      </c>
      <c r="C107" s="6">
        <v>15048000000</v>
      </c>
      <c r="D107" s="6">
        <v>16548885818.52</v>
      </c>
      <c r="E107" s="6">
        <v>2384093421.5</v>
      </c>
      <c r="F107" s="6">
        <v>12958645111.129999</v>
      </c>
      <c r="G107" s="6">
        <v>3590240707.3899999</v>
      </c>
      <c r="H107" s="6">
        <v>2629738155.8000002</v>
      </c>
      <c r="I107" s="6">
        <v>12057278911.85</v>
      </c>
      <c r="J107" s="6">
        <v>4491606906.6700001</v>
      </c>
      <c r="K107" s="6">
        <v>11400772445.66</v>
      </c>
    </row>
    <row r="108" spans="1:11" x14ac:dyDescent="0.25">
      <c r="A108" s="3" t="s">
        <v>204</v>
      </c>
      <c r="B108" s="5" t="s">
        <v>205</v>
      </c>
      <c r="C108" s="6">
        <v>0</v>
      </c>
      <c r="D108" s="6">
        <v>0</v>
      </c>
      <c r="E108" s="6">
        <v>0</v>
      </c>
      <c r="F108" s="6">
        <v>0</v>
      </c>
      <c r="G108" s="6">
        <v>0</v>
      </c>
      <c r="H108" s="6">
        <v>0</v>
      </c>
      <c r="I108" s="6">
        <v>0</v>
      </c>
      <c r="J108" s="6">
        <v>0</v>
      </c>
      <c r="K108" s="6">
        <v>0</v>
      </c>
    </row>
    <row r="109" spans="1:11" x14ac:dyDescent="0.25">
      <c r="A109" s="3" t="s">
        <v>206</v>
      </c>
      <c r="B109" s="5" t="s">
        <v>207</v>
      </c>
      <c r="C109" s="6">
        <v>0</v>
      </c>
      <c r="D109" s="6">
        <v>0</v>
      </c>
      <c r="E109" s="6">
        <v>0</v>
      </c>
      <c r="F109" s="6">
        <v>0</v>
      </c>
      <c r="G109" s="6">
        <v>0</v>
      </c>
      <c r="H109" s="6">
        <v>0</v>
      </c>
      <c r="I109" s="6">
        <v>0</v>
      </c>
      <c r="J109" s="6">
        <v>0</v>
      </c>
      <c r="K109" s="6">
        <v>0</v>
      </c>
    </row>
    <row r="110" spans="1:11" x14ac:dyDescent="0.25">
      <c r="A110" s="2" t="s">
        <v>208</v>
      </c>
      <c r="B110" s="4" t="s">
        <v>209</v>
      </c>
      <c r="C110" s="7">
        <v>0</v>
      </c>
      <c r="D110" s="7">
        <v>0</v>
      </c>
      <c r="E110" s="7">
        <v>0</v>
      </c>
      <c r="F110" s="7">
        <v>0</v>
      </c>
      <c r="G110" s="7">
        <v>0</v>
      </c>
      <c r="H110" s="7">
        <v>0</v>
      </c>
      <c r="I110" s="7">
        <v>0</v>
      </c>
      <c r="J110" s="7">
        <v>0</v>
      </c>
      <c r="K110" s="7">
        <v>0</v>
      </c>
    </row>
    <row r="111" spans="1:11" x14ac:dyDescent="0.25">
      <c r="A111" s="2" t="s">
        <v>210</v>
      </c>
      <c r="B111" s="4" t="s">
        <v>211</v>
      </c>
      <c r="C111" s="7">
        <v>0</v>
      </c>
      <c r="D111" s="7">
        <v>0</v>
      </c>
      <c r="E111" s="7">
        <v>0</v>
      </c>
      <c r="F111" s="7">
        <v>0</v>
      </c>
      <c r="G111" s="7">
        <v>0</v>
      </c>
      <c r="H111" s="7">
        <v>0</v>
      </c>
      <c r="I111" s="7">
        <v>0</v>
      </c>
      <c r="J111" s="7">
        <v>0</v>
      </c>
      <c r="K111" s="7">
        <v>0</v>
      </c>
    </row>
    <row r="112" spans="1:11" x14ac:dyDescent="0.25">
      <c r="A112" s="3" t="s">
        <v>212</v>
      </c>
      <c r="B112" s="5" t="s">
        <v>213</v>
      </c>
      <c r="C112" s="6">
        <v>0</v>
      </c>
      <c r="D112" s="6">
        <v>0</v>
      </c>
      <c r="E112" s="6">
        <v>0</v>
      </c>
      <c r="F112" s="6">
        <v>0</v>
      </c>
      <c r="G112" s="6">
        <v>0</v>
      </c>
      <c r="H112" s="6">
        <v>0</v>
      </c>
      <c r="I112" s="6">
        <v>0</v>
      </c>
      <c r="J112" s="6">
        <v>0</v>
      </c>
      <c r="K112" s="6">
        <v>0</v>
      </c>
    </row>
    <row r="113" spans="1:11" x14ac:dyDescent="0.25">
      <c r="A113" s="2" t="s">
        <v>214</v>
      </c>
      <c r="B113" s="4" t="s">
        <v>209</v>
      </c>
      <c r="C113" s="7">
        <v>0</v>
      </c>
      <c r="D113" s="7">
        <v>0</v>
      </c>
      <c r="E113" s="7">
        <v>0</v>
      </c>
      <c r="F113" s="7">
        <v>0</v>
      </c>
      <c r="G113" s="7">
        <v>0</v>
      </c>
      <c r="H113" s="7">
        <v>0</v>
      </c>
      <c r="I113" s="7">
        <v>0</v>
      </c>
      <c r="J113" s="7">
        <v>0</v>
      </c>
      <c r="K113" s="7">
        <v>0</v>
      </c>
    </row>
    <row r="114" spans="1:11" x14ac:dyDescent="0.25">
      <c r="A114" s="2" t="s">
        <v>215</v>
      </c>
      <c r="B114" s="4" t="s">
        <v>211</v>
      </c>
      <c r="C114" s="7">
        <v>0</v>
      </c>
      <c r="D114" s="7">
        <v>0</v>
      </c>
      <c r="E114" s="7">
        <v>0</v>
      </c>
      <c r="F114" s="7">
        <v>0</v>
      </c>
      <c r="G114" s="7">
        <v>0</v>
      </c>
      <c r="H114" s="7">
        <v>0</v>
      </c>
      <c r="I114" s="7">
        <v>0</v>
      </c>
      <c r="J114" s="7">
        <v>0</v>
      </c>
      <c r="K114" s="7">
        <v>0</v>
      </c>
    </row>
    <row r="115" spans="1:11" x14ac:dyDescent="0.25">
      <c r="A115" s="3" t="s">
        <v>216</v>
      </c>
      <c r="B115" s="5" t="s">
        <v>217</v>
      </c>
      <c r="C115" s="6">
        <v>15048000000</v>
      </c>
      <c r="D115" s="6">
        <v>16548885818.52</v>
      </c>
      <c r="E115" s="6">
        <v>2384093421.5</v>
      </c>
      <c r="F115" s="6">
        <v>12958645111.129999</v>
      </c>
      <c r="G115" s="6">
        <v>3590240707.3899999</v>
      </c>
      <c r="H115" s="6">
        <v>2629738155.8000002</v>
      </c>
      <c r="I115" s="6">
        <v>12057278911.85</v>
      </c>
      <c r="J115" s="6">
        <v>4491606906.6700001</v>
      </c>
      <c r="K115" s="6">
        <v>11400772445.66</v>
      </c>
    </row>
    <row r="116" spans="1:11" x14ac:dyDescent="0.25">
      <c r="A116" s="2" t="s">
        <v>218</v>
      </c>
      <c r="B116" s="4" t="s">
        <v>219</v>
      </c>
      <c r="C116" s="7">
        <v>0</v>
      </c>
      <c r="D116" s="7">
        <v>0</v>
      </c>
      <c r="E116" s="7">
        <v>0</v>
      </c>
      <c r="F116" s="7">
        <v>0</v>
      </c>
      <c r="G116" s="7">
        <v>0</v>
      </c>
      <c r="H116" s="7">
        <v>0</v>
      </c>
      <c r="I116" s="7">
        <v>141429539.86000001</v>
      </c>
      <c r="J116" s="7">
        <v>0</v>
      </c>
      <c r="K116" s="7">
        <v>797936006.04999995</v>
      </c>
    </row>
    <row r="117" spans="1:11" x14ac:dyDescent="0.25">
      <c r="A117" s="3" t="s">
        <v>220</v>
      </c>
      <c r="B117" s="5" t="s">
        <v>221</v>
      </c>
      <c r="C117" s="6">
        <v>15048000000</v>
      </c>
      <c r="D117" s="6">
        <v>16548885818.52</v>
      </c>
      <c r="E117" s="6">
        <v>2384093421.5</v>
      </c>
      <c r="F117" s="6">
        <v>12958645111.129999</v>
      </c>
      <c r="G117" s="6">
        <v>3590240707.3899999</v>
      </c>
      <c r="H117" s="6">
        <v>2629738155.8000002</v>
      </c>
      <c r="I117" s="6">
        <v>12198708451.709999</v>
      </c>
      <c r="J117" s="6">
        <v>4491606906.6700001</v>
      </c>
      <c r="K117" s="6">
        <v>12198708451.709999</v>
      </c>
    </row>
    <row r="118" spans="1:11" x14ac:dyDescent="0.25">
      <c r="A118" s="2" t="s">
        <v>222</v>
      </c>
      <c r="B118" s="4" t="s">
        <v>223</v>
      </c>
      <c r="C118" s="7">
        <v>0</v>
      </c>
      <c r="D118" s="7">
        <v>0</v>
      </c>
      <c r="E118" s="7">
        <v>0</v>
      </c>
      <c r="F118" s="7">
        <v>0</v>
      </c>
      <c r="G118" s="7">
        <v>0</v>
      </c>
      <c r="H118" s="7">
        <v>0</v>
      </c>
      <c r="I118" s="7">
        <v>0</v>
      </c>
      <c r="J118" s="7">
        <v>0</v>
      </c>
      <c r="K118" s="7">
        <v>0</v>
      </c>
    </row>
    <row r="119" spans="1:11" x14ac:dyDescent="0.25">
      <c r="D119" s="13"/>
    </row>
    <row r="120" spans="1:11" x14ac:dyDescent="0.25">
      <c r="A120" s="8" t="s">
        <v>6</v>
      </c>
      <c r="B120" s="8" t="s">
        <v>224</v>
      </c>
      <c r="C120" s="8" t="s">
        <v>9</v>
      </c>
      <c r="D120" s="8" t="s">
        <v>10</v>
      </c>
      <c r="E120" s="8" t="s">
        <v>11</v>
      </c>
      <c r="F120" s="8" t="s">
        <v>7</v>
      </c>
      <c r="G120" s="8" t="s">
        <v>7</v>
      </c>
      <c r="H120" s="8" t="s">
        <v>7</v>
      </c>
      <c r="I120" s="8" t="s">
        <v>16</v>
      </c>
    </row>
    <row r="121" spans="1:11" x14ac:dyDescent="0.25">
      <c r="A121" s="8" t="s">
        <v>7</v>
      </c>
      <c r="B121" s="8" t="s">
        <v>7</v>
      </c>
      <c r="C121" s="8" t="s">
        <v>7</v>
      </c>
      <c r="D121" s="8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8" t="s">
        <v>7</v>
      </c>
    </row>
    <row r="122" spans="1:11" x14ac:dyDescent="0.25">
      <c r="A122" s="3" t="s">
        <v>225</v>
      </c>
      <c r="B122" s="5" t="s">
        <v>226</v>
      </c>
      <c r="C122" s="6">
        <v>1383860500</v>
      </c>
      <c r="D122" s="6">
        <v>2417911500</v>
      </c>
      <c r="E122" s="6">
        <v>439260765.08999997</v>
      </c>
      <c r="F122" s="6">
        <v>18.170000000000002</v>
      </c>
      <c r="G122" s="6">
        <v>1812002477.3499999</v>
      </c>
      <c r="H122" s="6">
        <v>74.94</v>
      </c>
      <c r="I122" s="6">
        <v>605909022.64999998</v>
      </c>
    </row>
    <row r="123" spans="1:11" x14ac:dyDescent="0.25">
      <c r="A123" s="3" t="s">
        <v>227</v>
      </c>
      <c r="B123" s="5" t="s">
        <v>228</v>
      </c>
      <c r="C123" s="6">
        <v>1383860500</v>
      </c>
      <c r="D123" s="6">
        <v>2417911500</v>
      </c>
      <c r="E123" s="6">
        <v>439260765.08999997</v>
      </c>
      <c r="F123" s="6">
        <v>18.170000000000002</v>
      </c>
      <c r="G123" s="6">
        <v>1812002477.3499999</v>
      </c>
      <c r="H123" s="6">
        <v>74.94</v>
      </c>
      <c r="I123" s="6">
        <v>605909022.64999998</v>
      </c>
    </row>
    <row r="124" spans="1:11" x14ac:dyDescent="0.25">
      <c r="A124" s="3" t="s">
        <v>229</v>
      </c>
      <c r="B124" s="5" t="s">
        <v>230</v>
      </c>
      <c r="C124" s="6">
        <v>0</v>
      </c>
      <c r="D124" s="6">
        <v>0</v>
      </c>
      <c r="E124" s="6">
        <v>0</v>
      </c>
      <c r="F124" s="6">
        <v>0</v>
      </c>
      <c r="G124" s="6">
        <v>0</v>
      </c>
      <c r="H124" s="6">
        <v>0</v>
      </c>
      <c r="I124" s="6">
        <v>0</v>
      </c>
    </row>
    <row r="125" spans="1:11" x14ac:dyDescent="0.25">
      <c r="A125" s="2" t="s">
        <v>231</v>
      </c>
      <c r="B125" s="4" t="s">
        <v>232</v>
      </c>
      <c r="C125" s="7">
        <v>0</v>
      </c>
      <c r="D125" s="7">
        <v>0</v>
      </c>
      <c r="E125" s="7">
        <v>0</v>
      </c>
      <c r="F125" s="7">
        <v>0</v>
      </c>
      <c r="G125" s="7">
        <v>0</v>
      </c>
      <c r="H125" s="7">
        <v>0</v>
      </c>
      <c r="I125" s="7">
        <v>0</v>
      </c>
    </row>
    <row r="126" spans="1:11" x14ac:dyDescent="0.25">
      <c r="A126" s="2" t="s">
        <v>233</v>
      </c>
      <c r="B126" s="4" t="s">
        <v>234</v>
      </c>
      <c r="C126" s="7">
        <v>0</v>
      </c>
      <c r="D126" s="7">
        <v>0</v>
      </c>
      <c r="E126" s="7">
        <v>0</v>
      </c>
      <c r="F126" s="7">
        <v>0</v>
      </c>
      <c r="G126" s="7">
        <v>0</v>
      </c>
      <c r="H126" s="7">
        <v>0</v>
      </c>
      <c r="I126" s="7">
        <v>0</v>
      </c>
    </row>
    <row r="127" spans="1:11" x14ac:dyDescent="0.25">
      <c r="A127" s="2" t="s">
        <v>235</v>
      </c>
      <c r="B127" s="4" t="s">
        <v>236</v>
      </c>
      <c r="C127" s="7">
        <v>0</v>
      </c>
      <c r="D127" s="7">
        <v>0</v>
      </c>
      <c r="E127" s="7">
        <v>0</v>
      </c>
      <c r="F127" s="7">
        <v>0</v>
      </c>
      <c r="G127" s="7">
        <v>0</v>
      </c>
      <c r="H127" s="7">
        <v>0</v>
      </c>
      <c r="I127" s="7">
        <v>0</v>
      </c>
    </row>
    <row r="128" spans="1:11" x14ac:dyDescent="0.25">
      <c r="A128" s="3" t="s">
        <v>237</v>
      </c>
      <c r="B128" s="5" t="s">
        <v>238</v>
      </c>
      <c r="C128" s="6">
        <v>931125100</v>
      </c>
      <c r="D128" s="6">
        <v>1821146600</v>
      </c>
      <c r="E128" s="6">
        <v>291027132.98000002</v>
      </c>
      <c r="F128" s="6">
        <v>15.98</v>
      </c>
      <c r="G128" s="6">
        <v>1220412163.46</v>
      </c>
      <c r="H128" s="6">
        <v>67.010000000000005</v>
      </c>
      <c r="I128" s="6">
        <v>600734436.53999996</v>
      </c>
    </row>
    <row r="129" spans="1:9" x14ac:dyDescent="0.25">
      <c r="A129" s="2" t="s">
        <v>239</v>
      </c>
      <c r="B129" s="4" t="s">
        <v>240</v>
      </c>
      <c r="C129" s="7">
        <v>931125100</v>
      </c>
      <c r="D129" s="7">
        <v>1821146600</v>
      </c>
      <c r="E129" s="7">
        <v>291027132.98000002</v>
      </c>
      <c r="F129" s="7">
        <v>15.98</v>
      </c>
      <c r="G129" s="7">
        <v>1220412163.46</v>
      </c>
      <c r="H129" s="7">
        <v>67.010000000000005</v>
      </c>
      <c r="I129" s="7">
        <v>600734436.53999996</v>
      </c>
    </row>
    <row r="130" spans="1:9" x14ac:dyDescent="0.25">
      <c r="A130" s="2" t="s">
        <v>241</v>
      </c>
      <c r="B130" s="4" t="s">
        <v>242</v>
      </c>
      <c r="C130" s="7">
        <v>0</v>
      </c>
      <c r="D130" s="7">
        <v>0</v>
      </c>
      <c r="E130" s="7">
        <v>0</v>
      </c>
      <c r="F130" s="7">
        <v>0</v>
      </c>
      <c r="G130" s="7">
        <v>0</v>
      </c>
      <c r="H130" s="7">
        <v>0</v>
      </c>
      <c r="I130" s="7">
        <v>0</v>
      </c>
    </row>
    <row r="131" spans="1:9" x14ac:dyDescent="0.25">
      <c r="A131" s="2" t="s">
        <v>243</v>
      </c>
      <c r="B131" s="4" t="s">
        <v>244</v>
      </c>
      <c r="C131" s="7">
        <v>0</v>
      </c>
      <c r="D131" s="7">
        <v>0</v>
      </c>
      <c r="E131" s="7">
        <v>0</v>
      </c>
      <c r="F131" s="7">
        <v>0</v>
      </c>
      <c r="G131" s="7">
        <v>0</v>
      </c>
      <c r="H131" s="7">
        <v>0</v>
      </c>
      <c r="I131" s="7">
        <v>0</v>
      </c>
    </row>
    <row r="132" spans="1:9" x14ac:dyDescent="0.25">
      <c r="A132" s="2" t="s">
        <v>245</v>
      </c>
      <c r="B132" s="4" t="s">
        <v>246</v>
      </c>
      <c r="C132" s="7">
        <v>0</v>
      </c>
      <c r="D132" s="7">
        <v>0</v>
      </c>
      <c r="E132" s="7">
        <v>0</v>
      </c>
      <c r="F132" s="7">
        <v>0</v>
      </c>
      <c r="G132" s="7">
        <v>0</v>
      </c>
      <c r="H132" s="7">
        <v>0</v>
      </c>
      <c r="I132" s="7">
        <v>0</v>
      </c>
    </row>
    <row r="133" spans="1:9" x14ac:dyDescent="0.25">
      <c r="A133" s="3" t="s">
        <v>247</v>
      </c>
      <c r="B133" s="5" t="s">
        <v>248</v>
      </c>
      <c r="C133" s="6">
        <v>28000000</v>
      </c>
      <c r="D133" s="6">
        <v>28000000</v>
      </c>
      <c r="E133" s="6">
        <v>4482278.3499999996</v>
      </c>
      <c r="F133" s="6">
        <v>16.010000000000002</v>
      </c>
      <c r="G133" s="6">
        <v>22197281.07</v>
      </c>
      <c r="H133" s="6">
        <v>79.28</v>
      </c>
      <c r="I133" s="6">
        <v>5802718.9299999997</v>
      </c>
    </row>
    <row r="134" spans="1:9" x14ac:dyDescent="0.25">
      <c r="A134" s="2" t="s">
        <v>249</v>
      </c>
      <c r="B134" s="4" t="s">
        <v>250</v>
      </c>
      <c r="C134" s="7">
        <v>0</v>
      </c>
      <c r="D134" s="7">
        <v>0</v>
      </c>
      <c r="E134" s="7">
        <v>0</v>
      </c>
      <c r="F134" s="7">
        <v>0</v>
      </c>
      <c r="G134" s="7">
        <v>107514.75</v>
      </c>
      <c r="H134" s="7">
        <v>0</v>
      </c>
      <c r="I134" s="7">
        <v>-107514.75</v>
      </c>
    </row>
    <row r="135" spans="1:9" x14ac:dyDescent="0.25">
      <c r="A135" s="2" t="s">
        <v>251</v>
      </c>
      <c r="B135" s="4" t="s">
        <v>252</v>
      </c>
      <c r="C135" s="7">
        <v>0</v>
      </c>
      <c r="D135" s="7">
        <v>0</v>
      </c>
      <c r="E135" s="7">
        <v>0</v>
      </c>
      <c r="F135" s="7">
        <v>0</v>
      </c>
      <c r="G135" s="7">
        <v>0</v>
      </c>
      <c r="H135" s="7">
        <v>0</v>
      </c>
      <c r="I135" s="7">
        <v>0</v>
      </c>
    </row>
    <row r="136" spans="1:9" x14ac:dyDescent="0.25">
      <c r="A136" s="2" t="s">
        <v>253</v>
      </c>
      <c r="B136" s="4" t="s">
        <v>254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  <c r="I136" s="7">
        <v>0</v>
      </c>
    </row>
    <row r="137" spans="1:9" x14ac:dyDescent="0.25">
      <c r="A137" s="2" t="s">
        <v>255</v>
      </c>
      <c r="B137" s="4" t="s">
        <v>256</v>
      </c>
      <c r="C137" s="7">
        <v>0</v>
      </c>
      <c r="D137" s="7">
        <v>0</v>
      </c>
      <c r="E137" s="7">
        <v>0</v>
      </c>
      <c r="F137" s="7">
        <v>0</v>
      </c>
      <c r="G137" s="7">
        <v>0</v>
      </c>
      <c r="H137" s="7">
        <v>0</v>
      </c>
      <c r="I137" s="7">
        <v>0</v>
      </c>
    </row>
    <row r="138" spans="1:9" x14ac:dyDescent="0.25">
      <c r="A138" s="2" t="s">
        <v>257</v>
      </c>
      <c r="B138" s="4" t="s">
        <v>258</v>
      </c>
      <c r="C138" s="7">
        <v>0</v>
      </c>
      <c r="D138" s="7">
        <v>0</v>
      </c>
      <c r="E138" s="7">
        <v>0</v>
      </c>
      <c r="F138" s="7">
        <v>0</v>
      </c>
      <c r="G138" s="7">
        <v>0</v>
      </c>
      <c r="H138" s="7">
        <v>0</v>
      </c>
      <c r="I138" s="7">
        <v>0</v>
      </c>
    </row>
    <row r="139" spans="1:9" x14ac:dyDescent="0.25">
      <c r="A139" s="2" t="s">
        <v>259</v>
      </c>
      <c r="B139" s="4" t="s">
        <v>260</v>
      </c>
      <c r="C139" s="7">
        <v>28000000</v>
      </c>
      <c r="D139" s="7">
        <v>28000000</v>
      </c>
      <c r="E139" s="7">
        <v>4482278.3499999996</v>
      </c>
      <c r="F139" s="7">
        <v>16.010000000000002</v>
      </c>
      <c r="G139" s="7">
        <v>22089766.32</v>
      </c>
      <c r="H139" s="7">
        <v>78.89</v>
      </c>
      <c r="I139" s="7">
        <v>5910233.6799999997</v>
      </c>
    </row>
    <row r="140" spans="1:9" x14ac:dyDescent="0.25">
      <c r="A140" s="2" t="s">
        <v>261</v>
      </c>
      <c r="B140" s="4" t="s">
        <v>262</v>
      </c>
      <c r="C140" s="7">
        <v>0</v>
      </c>
      <c r="D140" s="7">
        <v>0</v>
      </c>
      <c r="E140" s="7">
        <v>0</v>
      </c>
      <c r="F140" s="7">
        <v>0</v>
      </c>
      <c r="G140" s="7">
        <v>0</v>
      </c>
      <c r="H140" s="7">
        <v>0</v>
      </c>
      <c r="I140" s="7">
        <v>0</v>
      </c>
    </row>
    <row r="141" spans="1:9" x14ac:dyDescent="0.25">
      <c r="A141" s="2" t="s">
        <v>263</v>
      </c>
      <c r="B141" s="4" t="s">
        <v>264</v>
      </c>
      <c r="C141" s="7">
        <v>0</v>
      </c>
      <c r="D141" s="7">
        <v>0</v>
      </c>
      <c r="E141" s="7">
        <v>0</v>
      </c>
      <c r="F141" s="7">
        <v>0</v>
      </c>
      <c r="G141" s="7">
        <v>0</v>
      </c>
      <c r="H141" s="7">
        <v>0</v>
      </c>
      <c r="I141" s="7">
        <v>0</v>
      </c>
    </row>
    <row r="142" spans="1:9" x14ac:dyDescent="0.25">
      <c r="A142" s="2" t="s">
        <v>265</v>
      </c>
      <c r="B142" s="4" t="s">
        <v>266</v>
      </c>
      <c r="C142" s="7">
        <v>0</v>
      </c>
      <c r="D142" s="7">
        <v>0</v>
      </c>
      <c r="E142" s="7">
        <v>0</v>
      </c>
      <c r="F142" s="7">
        <v>0</v>
      </c>
      <c r="G142" s="7">
        <v>0</v>
      </c>
      <c r="H142" s="7">
        <v>0</v>
      </c>
      <c r="I142" s="7">
        <v>0</v>
      </c>
    </row>
    <row r="143" spans="1:9" x14ac:dyDescent="0.25">
      <c r="A143" s="3" t="s">
        <v>267</v>
      </c>
      <c r="B143" s="5" t="s">
        <v>268</v>
      </c>
      <c r="C143" s="6">
        <v>0</v>
      </c>
      <c r="D143" s="6">
        <v>0</v>
      </c>
      <c r="E143" s="6">
        <v>0</v>
      </c>
      <c r="F143" s="6">
        <v>0</v>
      </c>
      <c r="G143" s="6">
        <v>0</v>
      </c>
      <c r="H143" s="6">
        <v>0</v>
      </c>
      <c r="I143" s="6">
        <v>0</v>
      </c>
    </row>
    <row r="144" spans="1:9" x14ac:dyDescent="0.25">
      <c r="A144" s="2" t="s">
        <v>269</v>
      </c>
      <c r="B144" s="4" t="s">
        <v>270</v>
      </c>
      <c r="C144" s="7">
        <v>0</v>
      </c>
      <c r="D144" s="7">
        <v>0</v>
      </c>
      <c r="E144" s="7">
        <v>0</v>
      </c>
      <c r="F144" s="7">
        <v>0</v>
      </c>
      <c r="G144" s="7">
        <v>0</v>
      </c>
      <c r="H144" s="7">
        <v>0</v>
      </c>
      <c r="I144" s="7">
        <v>0</v>
      </c>
    </row>
    <row r="145" spans="1:9" x14ac:dyDescent="0.25">
      <c r="A145" s="2" t="s">
        <v>271</v>
      </c>
      <c r="B145" s="4" t="s">
        <v>272</v>
      </c>
      <c r="C145" s="7">
        <v>0</v>
      </c>
      <c r="D145" s="7">
        <v>0</v>
      </c>
      <c r="E145" s="7">
        <v>0</v>
      </c>
      <c r="F145" s="7">
        <v>0</v>
      </c>
      <c r="G145" s="7">
        <v>0</v>
      </c>
      <c r="H145" s="7">
        <v>0</v>
      </c>
      <c r="I145" s="7">
        <v>0</v>
      </c>
    </row>
    <row r="146" spans="1:9" x14ac:dyDescent="0.25">
      <c r="A146" s="2" t="s">
        <v>273</v>
      </c>
      <c r="B146" s="4" t="s">
        <v>274</v>
      </c>
      <c r="C146" s="7">
        <v>0</v>
      </c>
      <c r="D146" s="7">
        <v>0</v>
      </c>
      <c r="E146" s="7">
        <v>0</v>
      </c>
      <c r="F146" s="7">
        <v>0</v>
      </c>
      <c r="G146" s="7">
        <v>0</v>
      </c>
      <c r="H146" s="7">
        <v>0</v>
      </c>
      <c r="I146" s="7">
        <v>0</v>
      </c>
    </row>
    <row r="147" spans="1:9" x14ac:dyDescent="0.25">
      <c r="A147" s="2" t="s">
        <v>275</v>
      </c>
      <c r="B147" s="4" t="s">
        <v>276</v>
      </c>
      <c r="C147" s="7">
        <v>0</v>
      </c>
      <c r="D147" s="7">
        <v>0</v>
      </c>
      <c r="E147" s="7">
        <v>0</v>
      </c>
      <c r="F147" s="7">
        <v>0</v>
      </c>
      <c r="G147" s="7">
        <v>0</v>
      </c>
      <c r="H147" s="7">
        <v>0</v>
      </c>
      <c r="I147" s="7">
        <v>0</v>
      </c>
    </row>
    <row r="148" spans="1:9" x14ac:dyDescent="0.25">
      <c r="A148" s="2" t="s">
        <v>277</v>
      </c>
      <c r="B148" s="4" t="s">
        <v>278</v>
      </c>
      <c r="C148" s="7">
        <v>0</v>
      </c>
      <c r="D148" s="7">
        <v>0</v>
      </c>
      <c r="E148" s="7">
        <v>0</v>
      </c>
      <c r="F148" s="7">
        <v>0</v>
      </c>
      <c r="G148" s="7">
        <v>0</v>
      </c>
      <c r="H148" s="7">
        <v>0</v>
      </c>
      <c r="I148" s="7">
        <v>0</v>
      </c>
    </row>
    <row r="149" spans="1:9" x14ac:dyDescent="0.25">
      <c r="A149" s="3" t="s">
        <v>279</v>
      </c>
      <c r="B149" s="5" t="s">
        <v>280</v>
      </c>
      <c r="C149" s="6">
        <v>0</v>
      </c>
      <c r="D149" s="6">
        <v>0</v>
      </c>
      <c r="E149" s="6">
        <v>0</v>
      </c>
      <c r="F149" s="6">
        <v>0</v>
      </c>
      <c r="G149" s="6">
        <v>0</v>
      </c>
      <c r="H149" s="6">
        <v>0</v>
      </c>
      <c r="I149" s="6">
        <v>0</v>
      </c>
    </row>
    <row r="150" spans="1:9" x14ac:dyDescent="0.25">
      <c r="A150" s="2" t="s">
        <v>281</v>
      </c>
      <c r="B150" s="4" t="s">
        <v>282</v>
      </c>
      <c r="C150" s="7">
        <v>0</v>
      </c>
      <c r="D150" s="7">
        <v>0</v>
      </c>
      <c r="E150" s="7">
        <v>0</v>
      </c>
      <c r="F150" s="7">
        <v>0</v>
      </c>
      <c r="G150" s="7">
        <v>0</v>
      </c>
      <c r="H150" s="7">
        <v>0</v>
      </c>
      <c r="I150" s="7">
        <v>0</v>
      </c>
    </row>
    <row r="151" spans="1:9" x14ac:dyDescent="0.25">
      <c r="A151" s="2" t="s">
        <v>283</v>
      </c>
      <c r="B151" s="4" t="s">
        <v>284</v>
      </c>
      <c r="C151" s="7">
        <v>0</v>
      </c>
      <c r="D151" s="7">
        <v>0</v>
      </c>
      <c r="E151" s="7">
        <v>0</v>
      </c>
      <c r="F151" s="7">
        <v>0</v>
      </c>
      <c r="G151" s="7">
        <v>0</v>
      </c>
      <c r="H151" s="7">
        <v>0</v>
      </c>
      <c r="I151" s="7">
        <v>0</v>
      </c>
    </row>
    <row r="152" spans="1:9" x14ac:dyDescent="0.25">
      <c r="A152" s="2" t="s">
        <v>285</v>
      </c>
      <c r="B152" s="4" t="s">
        <v>286</v>
      </c>
      <c r="C152" s="7">
        <v>0</v>
      </c>
      <c r="D152" s="7">
        <v>0</v>
      </c>
      <c r="E152" s="7">
        <v>0</v>
      </c>
      <c r="F152" s="7">
        <v>0</v>
      </c>
      <c r="G152" s="7">
        <v>0</v>
      </c>
      <c r="H152" s="7">
        <v>0</v>
      </c>
      <c r="I152" s="7">
        <v>0</v>
      </c>
    </row>
    <row r="153" spans="1:9" x14ac:dyDescent="0.25">
      <c r="A153" s="2" t="s">
        <v>287</v>
      </c>
      <c r="B153" s="4" t="s">
        <v>288</v>
      </c>
      <c r="C153" s="7">
        <v>0</v>
      </c>
      <c r="D153" s="7">
        <v>0</v>
      </c>
      <c r="E153" s="7">
        <v>0</v>
      </c>
      <c r="F153" s="7">
        <v>0</v>
      </c>
      <c r="G153" s="7">
        <v>0</v>
      </c>
      <c r="H153" s="7">
        <v>0</v>
      </c>
      <c r="I153" s="7">
        <v>0</v>
      </c>
    </row>
    <row r="154" spans="1:9" x14ac:dyDescent="0.25">
      <c r="A154" s="2" t="s">
        <v>289</v>
      </c>
      <c r="B154" s="4" t="s">
        <v>290</v>
      </c>
      <c r="C154" s="7">
        <v>0</v>
      </c>
      <c r="D154" s="7">
        <v>0</v>
      </c>
      <c r="E154" s="7">
        <v>0</v>
      </c>
      <c r="F154" s="7">
        <v>0</v>
      </c>
      <c r="G154" s="7">
        <v>0</v>
      </c>
      <c r="H154" s="7">
        <v>0</v>
      </c>
      <c r="I154" s="7">
        <v>0</v>
      </c>
    </row>
    <row r="155" spans="1:9" x14ac:dyDescent="0.25">
      <c r="A155" s="2" t="s">
        <v>291</v>
      </c>
      <c r="B155" s="4" t="s">
        <v>292</v>
      </c>
      <c r="C155" s="7">
        <v>0</v>
      </c>
      <c r="D155" s="7">
        <v>0</v>
      </c>
      <c r="E155" s="7">
        <v>0</v>
      </c>
      <c r="F155" s="7">
        <v>0</v>
      </c>
      <c r="G155" s="7">
        <v>0</v>
      </c>
      <c r="H155" s="7">
        <v>0</v>
      </c>
      <c r="I155" s="7">
        <v>0</v>
      </c>
    </row>
    <row r="156" spans="1:9" x14ac:dyDescent="0.25">
      <c r="A156" s="2" t="s">
        <v>293</v>
      </c>
      <c r="B156" s="4" t="s">
        <v>294</v>
      </c>
      <c r="C156" s="7">
        <v>0</v>
      </c>
      <c r="D156" s="7">
        <v>0</v>
      </c>
      <c r="E156" s="7">
        <v>0</v>
      </c>
      <c r="F156" s="7">
        <v>0</v>
      </c>
      <c r="G156" s="7">
        <v>0</v>
      </c>
      <c r="H156" s="7">
        <v>0</v>
      </c>
      <c r="I156" s="7">
        <v>0</v>
      </c>
    </row>
    <row r="157" spans="1:9" x14ac:dyDescent="0.25">
      <c r="A157" s="2" t="s">
        <v>295</v>
      </c>
      <c r="B157" s="4" t="s">
        <v>296</v>
      </c>
      <c r="C157" s="7">
        <v>0</v>
      </c>
      <c r="D157" s="7">
        <v>0</v>
      </c>
      <c r="E157" s="7">
        <v>0</v>
      </c>
      <c r="F157" s="7">
        <v>0</v>
      </c>
      <c r="G157" s="7">
        <v>0</v>
      </c>
      <c r="H157" s="7">
        <v>0</v>
      </c>
      <c r="I157" s="7">
        <v>0</v>
      </c>
    </row>
    <row r="158" spans="1:9" x14ac:dyDescent="0.25">
      <c r="A158" s="3" t="s">
        <v>297</v>
      </c>
      <c r="B158" s="5" t="s">
        <v>298</v>
      </c>
      <c r="C158" s="6">
        <v>424735400</v>
      </c>
      <c r="D158" s="6">
        <v>568764900</v>
      </c>
      <c r="E158" s="6">
        <v>143751353.75999999</v>
      </c>
      <c r="F158" s="6">
        <v>25.27</v>
      </c>
      <c r="G158" s="6">
        <v>569393032.82000005</v>
      </c>
      <c r="H158" s="6">
        <v>100.11</v>
      </c>
      <c r="I158" s="6">
        <v>-628132.81999999995</v>
      </c>
    </row>
    <row r="159" spans="1:9" x14ac:dyDescent="0.25">
      <c r="A159" s="2" t="s">
        <v>299</v>
      </c>
      <c r="B159" s="4" t="s">
        <v>300</v>
      </c>
      <c r="C159" s="7">
        <v>0</v>
      </c>
      <c r="D159" s="7">
        <v>0</v>
      </c>
      <c r="E159" s="7">
        <v>0</v>
      </c>
      <c r="F159" s="7">
        <v>0</v>
      </c>
      <c r="G159" s="7">
        <v>0</v>
      </c>
      <c r="H159" s="7">
        <v>0</v>
      </c>
      <c r="I159" s="7">
        <v>0</v>
      </c>
    </row>
    <row r="160" spans="1:9" x14ac:dyDescent="0.25">
      <c r="A160" s="2" t="s">
        <v>301</v>
      </c>
      <c r="B160" s="4" t="s">
        <v>302</v>
      </c>
      <c r="C160" s="7">
        <v>0</v>
      </c>
      <c r="D160" s="7">
        <v>0</v>
      </c>
      <c r="E160" s="7">
        <v>0</v>
      </c>
      <c r="F160" s="7">
        <v>0</v>
      </c>
      <c r="G160" s="7">
        <v>0</v>
      </c>
      <c r="H160" s="7">
        <v>0</v>
      </c>
      <c r="I160" s="7">
        <v>0</v>
      </c>
    </row>
    <row r="161" spans="1:9" x14ac:dyDescent="0.25">
      <c r="A161" s="2" t="s">
        <v>303</v>
      </c>
      <c r="B161" s="4" t="s">
        <v>304</v>
      </c>
      <c r="C161" s="7">
        <v>0</v>
      </c>
      <c r="D161" s="7">
        <v>0</v>
      </c>
      <c r="E161" s="7">
        <v>0</v>
      </c>
      <c r="F161" s="7">
        <v>0</v>
      </c>
      <c r="G161" s="7">
        <v>0</v>
      </c>
      <c r="H161" s="7">
        <v>0</v>
      </c>
      <c r="I161" s="7">
        <v>0</v>
      </c>
    </row>
    <row r="162" spans="1:9" x14ac:dyDescent="0.25">
      <c r="A162" s="2" t="s">
        <v>305</v>
      </c>
      <c r="B162" s="4" t="s">
        <v>306</v>
      </c>
      <c r="C162" s="7">
        <v>424735400</v>
      </c>
      <c r="D162" s="7">
        <v>568764900</v>
      </c>
      <c r="E162" s="7">
        <v>143751353.75999999</v>
      </c>
      <c r="F162" s="7">
        <v>25.27</v>
      </c>
      <c r="G162" s="7">
        <v>569393032.82000005</v>
      </c>
      <c r="H162" s="7">
        <v>100.11</v>
      </c>
      <c r="I162" s="7">
        <v>-628132.81999999995</v>
      </c>
    </row>
    <row r="163" spans="1:9" x14ac:dyDescent="0.25">
      <c r="A163" s="3" t="s">
        <v>307</v>
      </c>
      <c r="B163" s="5" t="s">
        <v>308</v>
      </c>
      <c r="C163" s="6">
        <v>0</v>
      </c>
      <c r="D163" s="6">
        <v>0</v>
      </c>
      <c r="E163" s="6">
        <v>0</v>
      </c>
      <c r="F163" s="6">
        <v>0</v>
      </c>
      <c r="G163" s="6">
        <v>0</v>
      </c>
      <c r="H163" s="6">
        <v>0</v>
      </c>
      <c r="I163" s="6">
        <v>0</v>
      </c>
    </row>
    <row r="164" spans="1:9" x14ac:dyDescent="0.25">
      <c r="A164" s="3" t="s">
        <v>309</v>
      </c>
      <c r="B164" s="5" t="s">
        <v>310</v>
      </c>
      <c r="C164" s="6">
        <v>0</v>
      </c>
      <c r="D164" s="6">
        <v>0</v>
      </c>
      <c r="E164" s="6">
        <v>0</v>
      </c>
      <c r="F164" s="6">
        <v>0</v>
      </c>
      <c r="G164" s="6">
        <v>0</v>
      </c>
      <c r="H164" s="6">
        <v>0</v>
      </c>
      <c r="I164" s="6">
        <v>0</v>
      </c>
    </row>
    <row r="165" spans="1:9" x14ac:dyDescent="0.25">
      <c r="A165" s="2" t="s">
        <v>311</v>
      </c>
      <c r="B165" s="4" t="s">
        <v>312</v>
      </c>
      <c r="C165" s="7">
        <v>0</v>
      </c>
      <c r="D165" s="7">
        <v>0</v>
      </c>
      <c r="E165" s="7">
        <v>0</v>
      </c>
      <c r="F165" s="7">
        <v>0</v>
      </c>
      <c r="G165" s="7">
        <v>0</v>
      </c>
      <c r="H165" s="7">
        <v>0</v>
      </c>
      <c r="I165" s="7">
        <v>0</v>
      </c>
    </row>
    <row r="166" spans="1:9" x14ac:dyDescent="0.25">
      <c r="A166" s="2" t="s">
        <v>313</v>
      </c>
      <c r="B166" s="4" t="s">
        <v>314</v>
      </c>
      <c r="C166" s="7">
        <v>0</v>
      </c>
      <c r="D166" s="7">
        <v>0</v>
      </c>
      <c r="E166" s="7">
        <v>0</v>
      </c>
      <c r="F166" s="7">
        <v>0</v>
      </c>
      <c r="G166" s="7">
        <v>0</v>
      </c>
      <c r="H166" s="7">
        <v>0</v>
      </c>
      <c r="I166" s="7">
        <v>0</v>
      </c>
    </row>
    <row r="167" spans="1:9" x14ac:dyDescent="0.25">
      <c r="A167" s="3" t="s">
        <v>315</v>
      </c>
      <c r="B167" s="5" t="s">
        <v>316</v>
      </c>
      <c r="C167" s="6">
        <v>0</v>
      </c>
      <c r="D167" s="6">
        <v>0</v>
      </c>
      <c r="E167" s="6">
        <v>0</v>
      </c>
      <c r="F167" s="6">
        <v>0</v>
      </c>
      <c r="G167" s="6">
        <v>0</v>
      </c>
      <c r="H167" s="6">
        <v>0</v>
      </c>
      <c r="I167" s="6">
        <v>0</v>
      </c>
    </row>
    <row r="168" spans="1:9" x14ac:dyDescent="0.25">
      <c r="A168" s="2" t="s">
        <v>317</v>
      </c>
      <c r="B168" s="4" t="s">
        <v>318</v>
      </c>
      <c r="C168" s="7">
        <v>0</v>
      </c>
      <c r="D168" s="7">
        <v>0</v>
      </c>
      <c r="E168" s="7">
        <v>0</v>
      </c>
      <c r="F168" s="7">
        <v>0</v>
      </c>
      <c r="G168" s="7">
        <v>0</v>
      </c>
      <c r="H168" s="7">
        <v>0</v>
      </c>
      <c r="I168" s="7">
        <v>0</v>
      </c>
    </row>
    <row r="169" spans="1:9" x14ac:dyDescent="0.25">
      <c r="A169" s="2" t="s">
        <v>319</v>
      </c>
      <c r="B169" s="4" t="s">
        <v>320</v>
      </c>
      <c r="C169" s="7">
        <v>0</v>
      </c>
      <c r="D169" s="7">
        <v>0</v>
      </c>
      <c r="E169" s="7">
        <v>0</v>
      </c>
      <c r="F169" s="7">
        <v>0</v>
      </c>
      <c r="G169" s="7">
        <v>0</v>
      </c>
      <c r="H169" s="7">
        <v>0</v>
      </c>
      <c r="I169" s="7">
        <v>0</v>
      </c>
    </row>
    <row r="170" spans="1:9" x14ac:dyDescent="0.25">
      <c r="A170" s="2" t="s">
        <v>321</v>
      </c>
      <c r="B170" s="4" t="s">
        <v>322</v>
      </c>
      <c r="C170" s="7">
        <v>0</v>
      </c>
      <c r="D170" s="7">
        <v>0</v>
      </c>
      <c r="E170" s="7">
        <v>0</v>
      </c>
      <c r="F170" s="7">
        <v>0</v>
      </c>
      <c r="G170" s="7">
        <v>0</v>
      </c>
      <c r="H170" s="7">
        <v>0</v>
      </c>
      <c r="I170" s="7">
        <v>0</v>
      </c>
    </row>
    <row r="171" spans="1:9" x14ac:dyDescent="0.25">
      <c r="A171" s="2" t="s">
        <v>323</v>
      </c>
      <c r="B171" s="4" t="s">
        <v>324</v>
      </c>
      <c r="C171" s="7">
        <v>0</v>
      </c>
      <c r="D171" s="7">
        <v>0</v>
      </c>
      <c r="E171" s="7">
        <v>0</v>
      </c>
      <c r="F171" s="7">
        <v>0</v>
      </c>
      <c r="G171" s="7">
        <v>0</v>
      </c>
      <c r="H171" s="7">
        <v>0</v>
      </c>
      <c r="I171" s="7">
        <v>0</v>
      </c>
    </row>
    <row r="172" spans="1:9" x14ac:dyDescent="0.25">
      <c r="A172" s="3" t="s">
        <v>325</v>
      </c>
      <c r="B172" s="5" t="s">
        <v>326</v>
      </c>
      <c r="C172" s="6">
        <v>0</v>
      </c>
      <c r="D172" s="6">
        <v>0</v>
      </c>
      <c r="E172" s="6">
        <v>0</v>
      </c>
      <c r="F172" s="6">
        <v>0</v>
      </c>
      <c r="G172" s="6">
        <v>0</v>
      </c>
      <c r="H172" s="6">
        <v>0</v>
      </c>
      <c r="I172" s="6">
        <v>0</v>
      </c>
    </row>
    <row r="173" spans="1:9" x14ac:dyDescent="0.25">
      <c r="A173" s="2" t="s">
        <v>327</v>
      </c>
      <c r="B173" s="4" t="s">
        <v>282</v>
      </c>
      <c r="C173" s="7">
        <v>0</v>
      </c>
      <c r="D173" s="7">
        <v>0</v>
      </c>
      <c r="E173" s="7">
        <v>0</v>
      </c>
      <c r="F173" s="7">
        <v>0</v>
      </c>
      <c r="G173" s="7">
        <v>0</v>
      </c>
      <c r="H173" s="7">
        <v>0</v>
      </c>
      <c r="I173" s="7">
        <v>0</v>
      </c>
    </row>
    <row r="174" spans="1:9" x14ac:dyDescent="0.25">
      <c r="A174" s="2" t="s">
        <v>328</v>
      </c>
      <c r="B174" s="4" t="s">
        <v>284</v>
      </c>
      <c r="C174" s="7">
        <v>0</v>
      </c>
      <c r="D174" s="7">
        <v>0</v>
      </c>
      <c r="E174" s="7">
        <v>0</v>
      </c>
      <c r="F174" s="7">
        <v>0</v>
      </c>
      <c r="G174" s="7">
        <v>0</v>
      </c>
      <c r="H174" s="7">
        <v>0</v>
      </c>
      <c r="I174" s="7">
        <v>0</v>
      </c>
    </row>
    <row r="175" spans="1:9" x14ac:dyDescent="0.25">
      <c r="A175" s="2" t="s">
        <v>329</v>
      </c>
      <c r="B175" s="4" t="s">
        <v>286</v>
      </c>
      <c r="C175" s="7">
        <v>0</v>
      </c>
      <c r="D175" s="7">
        <v>0</v>
      </c>
      <c r="E175" s="7">
        <v>0</v>
      </c>
      <c r="F175" s="7">
        <v>0</v>
      </c>
      <c r="G175" s="7">
        <v>0</v>
      </c>
      <c r="H175" s="7">
        <v>0</v>
      </c>
      <c r="I175" s="7">
        <v>0</v>
      </c>
    </row>
    <row r="176" spans="1:9" x14ac:dyDescent="0.25">
      <c r="A176" s="2" t="s">
        <v>330</v>
      </c>
      <c r="B176" s="4" t="s">
        <v>288</v>
      </c>
      <c r="C176" s="7">
        <v>0</v>
      </c>
      <c r="D176" s="7">
        <v>0</v>
      </c>
      <c r="E176" s="7">
        <v>0</v>
      </c>
      <c r="F176" s="7">
        <v>0</v>
      </c>
      <c r="G176" s="7">
        <v>0</v>
      </c>
      <c r="H176" s="7">
        <v>0</v>
      </c>
      <c r="I176" s="7">
        <v>0</v>
      </c>
    </row>
    <row r="177" spans="1:11" x14ac:dyDescent="0.25">
      <c r="A177" s="2" t="s">
        <v>331</v>
      </c>
      <c r="B177" s="4" t="s">
        <v>290</v>
      </c>
      <c r="C177" s="7">
        <v>0</v>
      </c>
      <c r="D177" s="7">
        <v>0</v>
      </c>
      <c r="E177" s="7">
        <v>0</v>
      </c>
      <c r="F177" s="7">
        <v>0</v>
      </c>
      <c r="G177" s="7">
        <v>0</v>
      </c>
      <c r="H177" s="7">
        <v>0</v>
      </c>
      <c r="I177" s="7">
        <v>0</v>
      </c>
    </row>
    <row r="178" spans="1:11" x14ac:dyDescent="0.25">
      <c r="A178" s="2" t="s">
        <v>332</v>
      </c>
      <c r="B178" s="4" t="s">
        <v>292</v>
      </c>
      <c r="C178" s="7">
        <v>0</v>
      </c>
      <c r="D178" s="7">
        <v>0</v>
      </c>
      <c r="E178" s="7">
        <v>0</v>
      </c>
      <c r="F178" s="7">
        <v>0</v>
      </c>
      <c r="G178" s="7">
        <v>0</v>
      </c>
      <c r="H178" s="7">
        <v>0</v>
      </c>
      <c r="I178" s="7">
        <v>0</v>
      </c>
    </row>
    <row r="179" spans="1:11" x14ac:dyDescent="0.25">
      <c r="A179" s="2" t="s">
        <v>333</v>
      </c>
      <c r="B179" s="4" t="s">
        <v>294</v>
      </c>
      <c r="C179" s="7">
        <v>0</v>
      </c>
      <c r="D179" s="7">
        <v>0</v>
      </c>
      <c r="E179" s="7">
        <v>0</v>
      </c>
      <c r="F179" s="7">
        <v>0</v>
      </c>
      <c r="G179" s="7">
        <v>0</v>
      </c>
      <c r="H179" s="7">
        <v>0</v>
      </c>
      <c r="I179" s="7">
        <v>0</v>
      </c>
    </row>
    <row r="180" spans="1:11" x14ac:dyDescent="0.25">
      <c r="A180" s="2" t="s">
        <v>334</v>
      </c>
      <c r="B180" s="4" t="s">
        <v>296</v>
      </c>
      <c r="C180" s="7">
        <v>0</v>
      </c>
      <c r="D180" s="7">
        <v>0</v>
      </c>
      <c r="E180" s="7">
        <v>0</v>
      </c>
      <c r="F180" s="7">
        <v>0</v>
      </c>
      <c r="G180" s="7">
        <v>0</v>
      </c>
      <c r="H180" s="7">
        <v>0</v>
      </c>
      <c r="I180" s="7">
        <v>0</v>
      </c>
    </row>
    <row r="181" spans="1:11" x14ac:dyDescent="0.25">
      <c r="A181" s="3" t="s">
        <v>335</v>
      </c>
      <c r="B181" s="5" t="s">
        <v>336</v>
      </c>
      <c r="C181" s="6">
        <v>0</v>
      </c>
      <c r="D181" s="6">
        <v>0</v>
      </c>
      <c r="E181" s="6">
        <v>0</v>
      </c>
      <c r="F181" s="6">
        <v>0</v>
      </c>
      <c r="G181" s="6">
        <v>0</v>
      </c>
      <c r="H181" s="6">
        <v>0</v>
      </c>
      <c r="I181" s="6">
        <v>0</v>
      </c>
    </row>
    <row r="182" spans="1:11" x14ac:dyDescent="0.25">
      <c r="A182" s="2" t="s">
        <v>337</v>
      </c>
      <c r="B182" s="4" t="s">
        <v>338</v>
      </c>
      <c r="C182" s="7">
        <v>0</v>
      </c>
      <c r="D182" s="7">
        <v>0</v>
      </c>
      <c r="E182" s="7">
        <v>0</v>
      </c>
      <c r="F182" s="7">
        <v>0</v>
      </c>
      <c r="G182" s="7">
        <v>0</v>
      </c>
      <c r="H182" s="7">
        <v>0</v>
      </c>
      <c r="I182" s="7">
        <v>0</v>
      </c>
    </row>
    <row r="183" spans="1:11" x14ac:dyDescent="0.25">
      <c r="A183" s="2" t="s">
        <v>339</v>
      </c>
      <c r="B183" s="4" t="s">
        <v>340</v>
      </c>
      <c r="C183" s="7">
        <v>0</v>
      </c>
      <c r="D183" s="7">
        <v>0</v>
      </c>
      <c r="E183" s="7">
        <v>0</v>
      </c>
      <c r="F183" s="7">
        <v>0</v>
      </c>
      <c r="G183" s="7">
        <v>0</v>
      </c>
      <c r="H183" s="7">
        <v>0</v>
      </c>
      <c r="I183" s="7">
        <v>0</v>
      </c>
    </row>
    <row r="184" spans="1:11" x14ac:dyDescent="0.25">
      <c r="A184" s="2" t="s">
        <v>341</v>
      </c>
      <c r="B184" s="4" t="s">
        <v>342</v>
      </c>
      <c r="C184" s="7">
        <v>0</v>
      </c>
      <c r="D184" s="7">
        <v>0</v>
      </c>
      <c r="E184" s="7">
        <v>0</v>
      </c>
      <c r="F184" s="7">
        <v>0</v>
      </c>
      <c r="G184" s="7">
        <v>0</v>
      </c>
      <c r="H184" s="7">
        <v>0</v>
      </c>
      <c r="I184" s="7">
        <v>0</v>
      </c>
    </row>
    <row r="185" spans="1:11" x14ac:dyDescent="0.25">
      <c r="A185" s="2" t="s">
        <v>343</v>
      </c>
      <c r="B185" s="4" t="s">
        <v>344</v>
      </c>
      <c r="C185" s="7">
        <v>0</v>
      </c>
      <c r="D185" s="7">
        <v>0</v>
      </c>
      <c r="E185" s="7">
        <v>0</v>
      </c>
      <c r="F185" s="7">
        <v>0</v>
      </c>
      <c r="G185" s="7">
        <v>0</v>
      </c>
      <c r="H185" s="7">
        <v>0</v>
      </c>
      <c r="I185" s="7">
        <v>0</v>
      </c>
    </row>
    <row r="187" spans="1:11" x14ac:dyDescent="0.25">
      <c r="A187" s="8" t="s">
        <v>6</v>
      </c>
      <c r="B187" s="8" t="s">
        <v>345</v>
      </c>
      <c r="C187" s="8" t="s">
        <v>166</v>
      </c>
      <c r="D187" s="8" t="s">
        <v>167</v>
      </c>
      <c r="E187" s="8" t="s">
        <v>168</v>
      </c>
      <c r="F187" s="8" t="s">
        <v>7</v>
      </c>
      <c r="G187" s="8" t="s">
        <v>171</v>
      </c>
      <c r="H187" s="8" t="s">
        <v>172</v>
      </c>
      <c r="I187" s="8" t="s">
        <v>7</v>
      </c>
      <c r="J187" s="8" t="s">
        <v>174</v>
      </c>
      <c r="K187" s="8" t="s">
        <v>175</v>
      </c>
    </row>
    <row r="188" spans="1:11" x14ac:dyDescent="0.25">
      <c r="A188" s="8" t="s">
        <v>7</v>
      </c>
      <c r="B188" s="8" t="s">
        <v>7</v>
      </c>
      <c r="C188" s="8" t="s">
        <v>7</v>
      </c>
      <c r="D188" s="8" t="s">
        <v>7</v>
      </c>
      <c r="E188" s="1" t="s">
        <v>169</v>
      </c>
      <c r="F188" s="1" t="s">
        <v>170</v>
      </c>
      <c r="G188" s="8" t="s">
        <v>7</v>
      </c>
      <c r="H188" s="1" t="s">
        <v>169</v>
      </c>
      <c r="I188" s="1" t="s">
        <v>173</v>
      </c>
      <c r="J188" s="8" t="s">
        <v>7</v>
      </c>
      <c r="K188" s="8" t="s">
        <v>7</v>
      </c>
    </row>
    <row r="189" spans="1:11" x14ac:dyDescent="0.25">
      <c r="A189" s="3" t="s">
        <v>346</v>
      </c>
      <c r="B189" s="5" t="s">
        <v>347</v>
      </c>
      <c r="C189" s="6">
        <v>1386860500</v>
      </c>
      <c r="D189" s="6">
        <v>2100459683.79</v>
      </c>
      <c r="E189" s="6">
        <v>411072146.62</v>
      </c>
      <c r="F189" s="6">
        <v>1900851105.77</v>
      </c>
      <c r="G189" s="6">
        <v>199608578.02000001</v>
      </c>
      <c r="H189" s="6">
        <v>426316136.83999997</v>
      </c>
      <c r="I189" s="6">
        <v>1862225664.27</v>
      </c>
      <c r="J189" s="6">
        <v>238234019.52000001</v>
      </c>
      <c r="K189" s="6">
        <v>1738694605.76</v>
      </c>
    </row>
    <row r="190" spans="1:11" x14ac:dyDescent="0.25">
      <c r="A190" s="3" t="s">
        <v>348</v>
      </c>
      <c r="B190" s="5" t="s">
        <v>349</v>
      </c>
      <c r="C190" s="6">
        <v>1136860500</v>
      </c>
      <c r="D190" s="6">
        <v>2094488116.79</v>
      </c>
      <c r="E190" s="6">
        <v>411072146.62</v>
      </c>
      <c r="F190" s="6">
        <v>1900851105.77</v>
      </c>
      <c r="G190" s="6">
        <v>193637011.02000001</v>
      </c>
      <c r="H190" s="6">
        <v>426316136.83999997</v>
      </c>
      <c r="I190" s="6">
        <v>1862225664.27</v>
      </c>
      <c r="J190" s="6">
        <v>232262452.52000001</v>
      </c>
      <c r="K190" s="6">
        <v>1738694605.76</v>
      </c>
    </row>
    <row r="191" spans="1:11" x14ac:dyDescent="0.25">
      <c r="A191" s="2" t="s">
        <v>350</v>
      </c>
      <c r="B191" s="4" t="s">
        <v>351</v>
      </c>
      <c r="C191" s="7">
        <v>822327700</v>
      </c>
      <c r="D191" s="7">
        <v>1951292802.02</v>
      </c>
      <c r="E191" s="7">
        <v>803119336.87</v>
      </c>
      <c r="F191" s="7">
        <v>1785669964.1700001</v>
      </c>
      <c r="G191" s="7">
        <v>165622837.84999999</v>
      </c>
      <c r="H191" s="7">
        <v>811724676.80999994</v>
      </c>
      <c r="I191" s="7">
        <v>1754361568.5699999</v>
      </c>
      <c r="J191" s="7">
        <v>196931233.44999999</v>
      </c>
      <c r="K191" s="7">
        <v>1640384554.6900001</v>
      </c>
    </row>
    <row r="192" spans="1:11" x14ac:dyDescent="0.25">
      <c r="A192" s="2" t="s">
        <v>352</v>
      </c>
      <c r="B192" s="4" t="s">
        <v>353</v>
      </c>
      <c r="C192" s="7">
        <v>0</v>
      </c>
      <c r="D192" s="7">
        <v>0</v>
      </c>
      <c r="E192" s="7">
        <v>0</v>
      </c>
      <c r="F192" s="7">
        <v>0</v>
      </c>
      <c r="G192" s="7">
        <v>0</v>
      </c>
      <c r="H192" s="7">
        <v>0</v>
      </c>
      <c r="I192" s="7">
        <v>0</v>
      </c>
      <c r="J192" s="7">
        <v>0</v>
      </c>
      <c r="K192" s="7">
        <v>0</v>
      </c>
    </row>
    <row r="193" spans="1:11" x14ac:dyDescent="0.25">
      <c r="A193" s="2" t="s">
        <v>354</v>
      </c>
      <c r="B193" s="4" t="s">
        <v>355</v>
      </c>
      <c r="C193" s="7">
        <v>314532800</v>
      </c>
      <c r="D193" s="7">
        <v>143195314.77000001</v>
      </c>
      <c r="E193" s="7">
        <v>-392047190.25</v>
      </c>
      <c r="F193" s="7">
        <v>115181141.59999999</v>
      </c>
      <c r="G193" s="7">
        <v>28014173.170000002</v>
      </c>
      <c r="H193" s="7">
        <v>-385408539.97000003</v>
      </c>
      <c r="I193" s="7">
        <v>107864095.7</v>
      </c>
      <c r="J193" s="7">
        <v>35331219.07</v>
      </c>
      <c r="K193" s="7">
        <v>98310051.069999993</v>
      </c>
    </row>
    <row r="194" spans="1:11" x14ac:dyDescent="0.25">
      <c r="A194" s="3" t="s">
        <v>356</v>
      </c>
      <c r="B194" s="5" t="s">
        <v>357</v>
      </c>
      <c r="C194" s="6">
        <v>250000000</v>
      </c>
      <c r="D194" s="6">
        <v>5971567</v>
      </c>
      <c r="E194" s="6">
        <v>0</v>
      </c>
      <c r="F194" s="6">
        <v>0</v>
      </c>
      <c r="G194" s="6">
        <v>5971567</v>
      </c>
      <c r="H194" s="6">
        <v>0</v>
      </c>
      <c r="I194" s="6">
        <v>0</v>
      </c>
      <c r="J194" s="6">
        <v>5971567</v>
      </c>
      <c r="K194" s="6">
        <v>0</v>
      </c>
    </row>
    <row r="195" spans="1:11" x14ac:dyDescent="0.25">
      <c r="A195" s="2" t="s">
        <v>358</v>
      </c>
      <c r="B195" s="4" t="s">
        <v>359</v>
      </c>
      <c r="C195" s="7">
        <v>250000000</v>
      </c>
      <c r="D195" s="7">
        <v>5971567</v>
      </c>
      <c r="E195" s="7">
        <v>0</v>
      </c>
      <c r="F195" s="7">
        <v>0</v>
      </c>
      <c r="G195" s="7">
        <v>5971567</v>
      </c>
      <c r="H195" s="7">
        <v>0</v>
      </c>
      <c r="I195" s="7">
        <v>0</v>
      </c>
      <c r="J195" s="7">
        <v>5971567</v>
      </c>
      <c r="K195" s="7">
        <v>0</v>
      </c>
    </row>
    <row r="196" spans="1:11" x14ac:dyDescent="0.25">
      <c r="A196" s="2" t="s">
        <v>360</v>
      </c>
      <c r="B196" s="4" t="s">
        <v>361</v>
      </c>
      <c r="C196" s="7">
        <v>0</v>
      </c>
      <c r="D196" s="7">
        <v>0</v>
      </c>
      <c r="E196" s="7">
        <v>0</v>
      </c>
      <c r="F196" s="7">
        <v>0</v>
      </c>
      <c r="G196" s="7">
        <v>0</v>
      </c>
      <c r="H196" s="7">
        <v>0</v>
      </c>
      <c r="I196" s="7">
        <v>0</v>
      </c>
      <c r="J196" s="7">
        <v>0</v>
      </c>
      <c r="K196" s="7">
        <v>0</v>
      </c>
    </row>
    <row r="197" spans="1:11" x14ac:dyDescent="0.25">
      <c r="A197" s="2" t="s">
        <v>362</v>
      </c>
      <c r="B197" s="4" t="s">
        <v>363</v>
      </c>
      <c r="C197" s="7">
        <v>0</v>
      </c>
      <c r="D197" s="7">
        <v>0</v>
      </c>
      <c r="E197" s="7">
        <v>0</v>
      </c>
      <c r="F197" s="7">
        <v>0</v>
      </c>
      <c r="G197" s="7">
        <v>0</v>
      </c>
      <c r="H197" s="7">
        <v>0</v>
      </c>
      <c r="I197" s="7">
        <v>0</v>
      </c>
      <c r="J197" s="7">
        <v>0</v>
      </c>
      <c r="K197" s="7">
        <v>0</v>
      </c>
    </row>
    <row r="198" spans="1:11" x14ac:dyDescent="0.25">
      <c r="A198" s="2" t="s">
        <v>364</v>
      </c>
      <c r="B198" s="4" t="s">
        <v>365</v>
      </c>
      <c r="C198" s="7">
        <v>0</v>
      </c>
      <c r="D198" s="7">
        <v>0</v>
      </c>
      <c r="E198" s="7">
        <v>0</v>
      </c>
      <c r="F198" s="7">
        <v>0</v>
      </c>
      <c r="G198" s="7">
        <v>0</v>
      </c>
      <c r="H198" s="7">
        <v>0</v>
      </c>
      <c r="I198" s="7">
        <v>0</v>
      </c>
      <c r="J198" s="7">
        <v>0</v>
      </c>
      <c r="K198" s="7">
        <v>0</v>
      </c>
    </row>
  </sheetData>
  <mergeCells count="36">
    <mergeCell ref="A3:K3"/>
    <mergeCell ref="A4:K4"/>
    <mergeCell ref="A5:K5"/>
    <mergeCell ref="A6:K6"/>
    <mergeCell ref="A7:K7"/>
    <mergeCell ref="A9:K9"/>
    <mergeCell ref="A10:A11"/>
    <mergeCell ref="B10:B11"/>
    <mergeCell ref="C10:C11"/>
    <mergeCell ref="D10:D11"/>
    <mergeCell ref="E10:H10"/>
    <mergeCell ref="I10:I11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96"/>
  <sheetViews>
    <sheetView showGridLines="0" topLeftCell="A79" workbookViewId="0">
      <selection activeCell="A92" sqref="A92"/>
    </sheetView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11" t="s">
        <v>0</v>
      </c>
      <c r="B3" s="10"/>
      <c r="C3" s="10"/>
      <c r="D3" s="10"/>
      <c r="E3" s="10"/>
      <c r="F3" s="10"/>
    </row>
    <row r="4" spans="1:6" x14ac:dyDescent="0.25">
      <c r="A4" s="11" t="s">
        <v>1</v>
      </c>
      <c r="B4" s="10"/>
      <c r="C4" s="10"/>
      <c r="D4" s="10"/>
      <c r="E4" s="10"/>
      <c r="F4" s="10"/>
    </row>
    <row r="5" spans="1:6" x14ac:dyDescent="0.25">
      <c r="A5" s="12" t="s">
        <v>1054</v>
      </c>
      <c r="B5" s="10"/>
      <c r="C5" s="10"/>
      <c r="D5" s="10"/>
      <c r="E5" s="10"/>
      <c r="F5" s="10"/>
    </row>
    <row r="6" spans="1:6" x14ac:dyDescent="0.25">
      <c r="A6" s="11" t="s">
        <v>3</v>
      </c>
      <c r="B6" s="10"/>
      <c r="C6" s="10"/>
      <c r="D6" s="10"/>
      <c r="E6" s="10"/>
      <c r="F6" s="10"/>
    </row>
    <row r="7" spans="1:6" x14ac:dyDescent="0.25">
      <c r="A7" s="11" t="s">
        <v>4</v>
      </c>
      <c r="B7" s="10"/>
      <c r="C7" s="10"/>
      <c r="D7" s="10"/>
      <c r="E7" s="10"/>
      <c r="F7" s="10"/>
    </row>
    <row r="9" spans="1:6" x14ac:dyDescent="0.25">
      <c r="A9" s="9" t="s">
        <v>1055</v>
      </c>
      <c r="B9" s="10"/>
      <c r="C9" s="10"/>
      <c r="D9" s="10"/>
      <c r="E9" s="10"/>
      <c r="F9" s="10"/>
    </row>
    <row r="10" spans="1:6" x14ac:dyDescent="0.25">
      <c r="A10" s="8" t="s">
        <v>6</v>
      </c>
      <c r="B10" s="8" t="s">
        <v>1056</v>
      </c>
      <c r="C10" s="8" t="s">
        <v>1023</v>
      </c>
    </row>
    <row r="11" spans="1:6" x14ac:dyDescent="0.25">
      <c r="A11" s="8" t="s">
        <v>7</v>
      </c>
      <c r="B11" s="8" t="s">
        <v>7</v>
      </c>
      <c r="C11" s="8" t="s">
        <v>7</v>
      </c>
    </row>
    <row r="12" spans="1:6" x14ac:dyDescent="0.25">
      <c r="A12" s="2" t="s">
        <v>17</v>
      </c>
      <c r="B12" s="4" t="s">
        <v>1057</v>
      </c>
      <c r="C12" s="7">
        <v>15048000000</v>
      </c>
    </row>
    <row r="13" spans="1:6" x14ac:dyDescent="0.25">
      <c r="A13" s="2" t="s">
        <v>19</v>
      </c>
      <c r="B13" s="4" t="s">
        <v>1058</v>
      </c>
      <c r="C13" s="7">
        <v>16447631198</v>
      </c>
    </row>
    <row r="14" spans="1:6" x14ac:dyDescent="0.25">
      <c r="A14" s="2" t="s">
        <v>21</v>
      </c>
      <c r="B14" s="4" t="s">
        <v>11</v>
      </c>
      <c r="C14" s="7">
        <v>12198708451.709999</v>
      </c>
    </row>
    <row r="15" spans="1:6" x14ac:dyDescent="0.25">
      <c r="A15" s="2" t="s">
        <v>23</v>
      </c>
      <c r="B15" s="4" t="s">
        <v>1059</v>
      </c>
      <c r="C15" s="7">
        <v>0</v>
      </c>
    </row>
    <row r="16" spans="1:6" x14ac:dyDescent="0.25">
      <c r="A16" s="2" t="s">
        <v>25</v>
      </c>
      <c r="B16" s="4" t="s">
        <v>1060</v>
      </c>
      <c r="C16" s="7">
        <v>101254620.52</v>
      </c>
    </row>
    <row r="17" spans="1:3" x14ac:dyDescent="0.25">
      <c r="A17" s="2" t="s">
        <v>27</v>
      </c>
      <c r="B17" s="4" t="s">
        <v>1061</v>
      </c>
      <c r="C17" s="7">
        <v>15048000000</v>
      </c>
    </row>
    <row r="18" spans="1:3" x14ac:dyDescent="0.25">
      <c r="A18" s="2" t="s">
        <v>29</v>
      </c>
      <c r="B18" s="4" t="s">
        <v>1062</v>
      </c>
      <c r="C18" s="7">
        <v>1500885818.52</v>
      </c>
    </row>
    <row r="19" spans="1:3" x14ac:dyDescent="0.25">
      <c r="A19" s="2" t="s">
        <v>31</v>
      </c>
      <c r="B19" s="4" t="s">
        <v>1063</v>
      </c>
      <c r="C19" s="7">
        <v>16548885818.52</v>
      </c>
    </row>
    <row r="20" spans="1:3" x14ac:dyDescent="0.25">
      <c r="A20" s="2" t="s">
        <v>33</v>
      </c>
      <c r="B20" s="4" t="s">
        <v>168</v>
      </c>
      <c r="C20" s="7">
        <v>12958645111.129999</v>
      </c>
    </row>
    <row r="21" spans="1:3" x14ac:dyDescent="0.25">
      <c r="A21" s="2" t="s">
        <v>35</v>
      </c>
      <c r="B21" s="4" t="s">
        <v>172</v>
      </c>
      <c r="C21" s="7">
        <v>12057278911.85</v>
      </c>
    </row>
    <row r="22" spans="1:3" x14ac:dyDescent="0.25">
      <c r="A22" s="2" t="s">
        <v>37</v>
      </c>
      <c r="B22" s="4" t="s">
        <v>1064</v>
      </c>
      <c r="C22" s="7">
        <v>11400772445.66</v>
      </c>
    </row>
    <row r="23" spans="1:3" x14ac:dyDescent="0.25">
      <c r="A23" s="2" t="s">
        <v>39</v>
      </c>
      <c r="B23" s="4" t="s">
        <v>1065</v>
      </c>
      <c r="C23" s="7">
        <v>141429539.86000001</v>
      </c>
    </row>
    <row r="25" spans="1:3" x14ac:dyDescent="0.25">
      <c r="A25" s="8" t="s">
        <v>6</v>
      </c>
      <c r="B25" s="8" t="s">
        <v>1066</v>
      </c>
      <c r="C25" s="8" t="s">
        <v>1023</v>
      </c>
    </row>
    <row r="26" spans="1:3" x14ac:dyDescent="0.25">
      <c r="A26" s="8" t="s">
        <v>7</v>
      </c>
      <c r="B26" s="8" t="s">
        <v>7</v>
      </c>
      <c r="C26" s="8" t="s">
        <v>7</v>
      </c>
    </row>
    <row r="27" spans="1:3" x14ac:dyDescent="0.25">
      <c r="A27" s="2" t="s">
        <v>41</v>
      </c>
      <c r="B27" s="4" t="s">
        <v>168</v>
      </c>
      <c r="C27" s="7">
        <v>12958645111.129999</v>
      </c>
    </row>
    <row r="28" spans="1:3" x14ac:dyDescent="0.25">
      <c r="A28" s="2" t="s">
        <v>43</v>
      </c>
      <c r="B28" s="4" t="s">
        <v>172</v>
      </c>
      <c r="C28" s="7">
        <v>12057278911.85</v>
      </c>
    </row>
    <row r="30" spans="1:3" x14ac:dyDescent="0.25">
      <c r="A30" s="8" t="s">
        <v>6</v>
      </c>
      <c r="B30" s="8" t="s">
        <v>1067</v>
      </c>
      <c r="C30" s="8" t="s">
        <v>1023</v>
      </c>
    </row>
    <row r="31" spans="1:3" x14ac:dyDescent="0.25">
      <c r="A31" s="8" t="s">
        <v>7</v>
      </c>
      <c r="B31" s="8" t="s">
        <v>7</v>
      </c>
      <c r="C31" s="8" t="s">
        <v>7</v>
      </c>
    </row>
    <row r="32" spans="1:3" x14ac:dyDescent="0.25">
      <c r="A32" s="2" t="s">
        <v>45</v>
      </c>
      <c r="B32" s="4" t="s">
        <v>1068</v>
      </c>
      <c r="C32" s="7">
        <v>11594417139.73</v>
      </c>
    </row>
    <row r="34" spans="1:6" x14ac:dyDescent="0.25">
      <c r="A34" s="8" t="s">
        <v>6</v>
      </c>
      <c r="B34" s="8" t="s">
        <v>1069</v>
      </c>
      <c r="C34" s="8" t="s">
        <v>1023</v>
      </c>
    </row>
    <row r="35" spans="1:6" x14ac:dyDescent="0.25">
      <c r="A35" s="8" t="s">
        <v>7</v>
      </c>
      <c r="B35" s="8" t="s">
        <v>7</v>
      </c>
      <c r="C35" s="8" t="s">
        <v>7</v>
      </c>
    </row>
    <row r="36" spans="1:6" x14ac:dyDescent="0.25">
      <c r="A36" s="2" t="s">
        <v>47</v>
      </c>
      <c r="B36" s="4" t="s">
        <v>1070</v>
      </c>
      <c r="C36" s="7">
        <v>1732276537.5799999</v>
      </c>
    </row>
    <row r="37" spans="1:6" x14ac:dyDescent="0.25">
      <c r="A37" s="2" t="s">
        <v>49</v>
      </c>
      <c r="B37" s="4" t="s">
        <v>1071</v>
      </c>
      <c r="C37" s="7">
        <v>2841273074.0700002</v>
      </c>
    </row>
    <row r="38" spans="1:6" x14ac:dyDescent="0.25">
      <c r="A38" s="2" t="s">
        <v>51</v>
      </c>
      <c r="B38" s="4" t="s">
        <v>1072</v>
      </c>
      <c r="C38" s="7">
        <v>-1108996536.49</v>
      </c>
    </row>
    <row r="39" spans="1:6" x14ac:dyDescent="0.25">
      <c r="A39" s="2" t="s">
        <v>53</v>
      </c>
      <c r="B39" s="4" t="s">
        <v>1073</v>
      </c>
      <c r="C39" s="7">
        <v>0</v>
      </c>
    </row>
    <row r="40" spans="1:6" x14ac:dyDescent="0.25">
      <c r="A40" s="2" t="s">
        <v>55</v>
      </c>
      <c r="B40" s="4" t="s">
        <v>1074</v>
      </c>
      <c r="C40" s="7">
        <v>0</v>
      </c>
    </row>
    <row r="41" spans="1:6" x14ac:dyDescent="0.25">
      <c r="A41" s="2" t="s">
        <v>57</v>
      </c>
      <c r="B41" s="4" t="s">
        <v>1075</v>
      </c>
      <c r="C41" s="7">
        <v>0</v>
      </c>
    </row>
    <row r="43" spans="1:6" x14ac:dyDescent="0.25">
      <c r="A43" s="8" t="s">
        <v>6</v>
      </c>
      <c r="B43" s="8" t="s">
        <v>1076</v>
      </c>
      <c r="C43" s="8" t="s">
        <v>1077</v>
      </c>
      <c r="D43" s="8" t="s">
        <v>1078</v>
      </c>
      <c r="E43" s="8" t="s">
        <v>1079</v>
      </c>
    </row>
    <row r="44" spans="1:6" x14ac:dyDescent="0.25">
      <c r="A44" s="8" t="s">
        <v>7</v>
      </c>
      <c r="B44" s="8" t="s">
        <v>7</v>
      </c>
      <c r="C44" s="8" t="s">
        <v>7</v>
      </c>
      <c r="D44" s="8" t="s">
        <v>7</v>
      </c>
      <c r="E44" s="8" t="s">
        <v>7</v>
      </c>
    </row>
    <row r="45" spans="1:6" x14ac:dyDescent="0.25">
      <c r="A45" s="2" t="s">
        <v>59</v>
      </c>
      <c r="B45" s="4" t="s">
        <v>1080</v>
      </c>
      <c r="C45" s="7">
        <v>484894706.06</v>
      </c>
      <c r="D45" s="7">
        <v>618121802.83000004</v>
      </c>
      <c r="E45" s="7">
        <v>127.48</v>
      </c>
    </row>
    <row r="46" spans="1:6" x14ac:dyDescent="0.25">
      <c r="A46" s="2" t="s">
        <v>61</v>
      </c>
      <c r="B46" s="4" t="s">
        <v>1081</v>
      </c>
      <c r="C46" s="7">
        <v>226599889.78999999</v>
      </c>
      <c r="D46" s="7">
        <v>309041931.57999998</v>
      </c>
      <c r="E46" s="7">
        <v>136.38</v>
      </c>
    </row>
    <row r="48" spans="1:6" x14ac:dyDescent="0.25">
      <c r="A48" s="8" t="s">
        <v>6</v>
      </c>
      <c r="B48" s="8" t="s">
        <v>1082</v>
      </c>
      <c r="C48" s="8" t="s">
        <v>1083</v>
      </c>
      <c r="D48" s="8" t="s">
        <v>1084</v>
      </c>
      <c r="E48" s="8" t="s">
        <v>1085</v>
      </c>
      <c r="F48" s="8" t="s">
        <v>1086</v>
      </c>
    </row>
    <row r="49" spans="1:6" x14ac:dyDescent="0.25">
      <c r="A49" s="8" t="s">
        <v>7</v>
      </c>
      <c r="B49" s="8" t="s">
        <v>7</v>
      </c>
      <c r="C49" s="8" t="s">
        <v>7</v>
      </c>
      <c r="D49" s="8" t="s">
        <v>7</v>
      </c>
      <c r="E49" s="8" t="s">
        <v>7</v>
      </c>
      <c r="F49" s="8" t="s">
        <v>7</v>
      </c>
    </row>
    <row r="50" spans="1:6" x14ac:dyDescent="0.25">
      <c r="A50" s="3" t="s">
        <v>63</v>
      </c>
      <c r="B50" s="5" t="s">
        <v>1087</v>
      </c>
      <c r="C50" s="6">
        <v>374475797.66000003</v>
      </c>
      <c r="D50" s="6">
        <v>4218807.7</v>
      </c>
      <c r="E50" s="6">
        <v>273652554.38999999</v>
      </c>
      <c r="F50" s="6">
        <v>96604435.569999993</v>
      </c>
    </row>
    <row r="51" spans="1:6" x14ac:dyDescent="0.25">
      <c r="A51" s="2" t="s">
        <v>65</v>
      </c>
      <c r="B51" s="4" t="s">
        <v>1088</v>
      </c>
      <c r="C51" s="7">
        <v>293406178.95999998</v>
      </c>
      <c r="D51" s="7">
        <v>4176850.32</v>
      </c>
      <c r="E51" s="7">
        <v>192641240.91</v>
      </c>
      <c r="F51" s="7">
        <v>96588087.730000004</v>
      </c>
    </row>
    <row r="52" spans="1:6" x14ac:dyDescent="0.25">
      <c r="A52" s="2" t="s">
        <v>67</v>
      </c>
      <c r="B52" s="4" t="s">
        <v>1089</v>
      </c>
      <c r="C52" s="7">
        <v>16280817.58</v>
      </c>
      <c r="D52" s="7">
        <v>0</v>
      </c>
      <c r="E52" s="7">
        <v>16280817.58</v>
      </c>
      <c r="F52" s="7">
        <v>0</v>
      </c>
    </row>
    <row r="53" spans="1:6" x14ac:dyDescent="0.25">
      <c r="A53" s="2" t="s">
        <v>69</v>
      </c>
      <c r="B53" s="4" t="s">
        <v>1090</v>
      </c>
      <c r="C53" s="7">
        <v>44596465.420000002</v>
      </c>
      <c r="D53" s="7">
        <v>41953.39</v>
      </c>
      <c r="E53" s="7">
        <v>44538164.189999998</v>
      </c>
      <c r="F53" s="7">
        <v>16347.84</v>
      </c>
    </row>
    <row r="54" spans="1:6" x14ac:dyDescent="0.25">
      <c r="A54" s="2" t="s">
        <v>71</v>
      </c>
      <c r="B54" s="4" t="s">
        <v>1091</v>
      </c>
      <c r="C54" s="7">
        <v>7605545.3799999999</v>
      </c>
      <c r="D54" s="7">
        <v>0</v>
      </c>
      <c r="E54" s="7">
        <v>7605545.3799999999</v>
      </c>
      <c r="F54" s="7">
        <v>0</v>
      </c>
    </row>
    <row r="55" spans="1:6" x14ac:dyDescent="0.25">
      <c r="A55" s="2" t="s">
        <v>73</v>
      </c>
      <c r="B55" s="4" t="s">
        <v>1092</v>
      </c>
      <c r="C55" s="7">
        <v>12586790.32</v>
      </c>
      <c r="D55" s="7">
        <v>3.99</v>
      </c>
      <c r="E55" s="7">
        <v>12586786.33</v>
      </c>
      <c r="F55" s="7">
        <v>0</v>
      </c>
    </row>
    <row r="56" spans="1:6" x14ac:dyDescent="0.25">
      <c r="A56" s="3" t="s">
        <v>75</v>
      </c>
      <c r="B56" s="5" t="s">
        <v>1093</v>
      </c>
      <c r="C56" s="6">
        <v>759765783.95000005</v>
      </c>
      <c r="D56" s="6">
        <v>299299455.68000001</v>
      </c>
      <c r="E56" s="6">
        <v>325700802</v>
      </c>
      <c r="F56" s="6">
        <v>134765526.27000001</v>
      </c>
    </row>
    <row r="57" spans="1:6" x14ac:dyDescent="0.25">
      <c r="A57" s="2" t="s">
        <v>77</v>
      </c>
      <c r="B57" s="4" t="s">
        <v>1088</v>
      </c>
      <c r="C57" s="7">
        <v>725440627.46000004</v>
      </c>
      <c r="D57" s="7">
        <v>292951977.36000001</v>
      </c>
      <c r="E57" s="7">
        <v>300329876.88999999</v>
      </c>
      <c r="F57" s="7">
        <v>132158773.20999999</v>
      </c>
    </row>
    <row r="58" spans="1:6" x14ac:dyDescent="0.25">
      <c r="A58" s="2" t="s">
        <v>79</v>
      </c>
      <c r="B58" s="4" t="s">
        <v>1089</v>
      </c>
      <c r="C58" s="7">
        <v>1143189.3899999999</v>
      </c>
      <c r="D58" s="7">
        <v>348604.78</v>
      </c>
      <c r="E58" s="7">
        <v>794584.61</v>
      </c>
      <c r="F58" s="7">
        <v>0</v>
      </c>
    </row>
    <row r="59" spans="1:6" x14ac:dyDescent="0.25">
      <c r="A59" s="2" t="s">
        <v>81</v>
      </c>
      <c r="B59" s="4" t="s">
        <v>1090</v>
      </c>
      <c r="C59" s="7">
        <v>15388193.199999999</v>
      </c>
      <c r="D59" s="7">
        <v>4151906.78</v>
      </c>
      <c r="E59" s="7">
        <v>11236286.42</v>
      </c>
      <c r="F59" s="7">
        <v>0</v>
      </c>
    </row>
    <row r="60" spans="1:6" x14ac:dyDescent="0.25">
      <c r="A60" s="2" t="s">
        <v>83</v>
      </c>
      <c r="B60" s="4" t="s">
        <v>1091</v>
      </c>
      <c r="C60" s="7">
        <v>16266926.359999999</v>
      </c>
      <c r="D60" s="7">
        <v>1623189.85</v>
      </c>
      <c r="E60" s="7">
        <v>12036983.449999999</v>
      </c>
      <c r="F60" s="7">
        <v>2606753.06</v>
      </c>
    </row>
    <row r="61" spans="1:6" x14ac:dyDescent="0.25">
      <c r="A61" s="2" t="s">
        <v>85</v>
      </c>
      <c r="B61" s="4" t="s">
        <v>1092</v>
      </c>
      <c r="C61" s="7">
        <v>1526847.54</v>
      </c>
      <c r="D61" s="7">
        <v>223776.91</v>
      </c>
      <c r="E61" s="7">
        <v>1303070.6299999999</v>
      </c>
      <c r="F61" s="7">
        <v>0</v>
      </c>
    </row>
    <row r="62" spans="1:6" x14ac:dyDescent="0.25">
      <c r="A62" s="3" t="s">
        <v>87</v>
      </c>
      <c r="B62" s="5" t="s">
        <v>984</v>
      </c>
      <c r="C62" s="6">
        <v>1134241581.6099999</v>
      </c>
      <c r="D62" s="6">
        <v>303518263.38</v>
      </c>
      <c r="E62" s="6">
        <v>599353356.38999999</v>
      </c>
      <c r="F62" s="6">
        <v>231369961.84</v>
      </c>
    </row>
    <row r="64" spans="1:6" x14ac:dyDescent="0.25">
      <c r="A64" s="8" t="s">
        <v>6</v>
      </c>
      <c r="B64" s="8" t="s">
        <v>1094</v>
      </c>
      <c r="C64" s="8" t="s">
        <v>1095</v>
      </c>
      <c r="D64" s="8" t="s">
        <v>1096</v>
      </c>
      <c r="E64" s="8" t="s">
        <v>1096</v>
      </c>
    </row>
    <row r="65" spans="1:6" ht="21" x14ac:dyDescent="0.25">
      <c r="A65" s="8" t="s">
        <v>7</v>
      </c>
      <c r="B65" s="8" t="s">
        <v>7</v>
      </c>
      <c r="C65" s="8" t="s">
        <v>7</v>
      </c>
      <c r="D65" s="1" t="s">
        <v>1097</v>
      </c>
      <c r="E65" s="1" t="s">
        <v>1098</v>
      </c>
    </row>
    <row r="66" spans="1:6" x14ac:dyDescent="0.25">
      <c r="A66" s="2" t="s">
        <v>89</v>
      </c>
      <c r="B66" s="4" t="s">
        <v>1099</v>
      </c>
      <c r="C66" s="7">
        <v>2677787831.1100001</v>
      </c>
      <c r="D66" s="7">
        <v>25</v>
      </c>
      <c r="E66" s="7">
        <v>34.26</v>
      </c>
    </row>
    <row r="67" spans="1:6" x14ac:dyDescent="0.25">
      <c r="A67" s="2" t="s">
        <v>91</v>
      </c>
      <c r="B67" s="4" t="s">
        <v>1100</v>
      </c>
      <c r="C67" s="7">
        <v>986744765.27999997</v>
      </c>
      <c r="D67" s="7">
        <v>60</v>
      </c>
      <c r="E67" s="7">
        <v>106.51</v>
      </c>
    </row>
    <row r="68" spans="1:6" x14ac:dyDescent="0.25">
      <c r="A68" s="2" t="s">
        <v>93</v>
      </c>
      <c r="B68" s="4" t="s">
        <v>1101</v>
      </c>
      <c r="C68" s="7">
        <v>0</v>
      </c>
      <c r="D68" s="7">
        <v>60</v>
      </c>
      <c r="E68" s="7">
        <v>0</v>
      </c>
    </row>
    <row r="69" spans="1:6" x14ac:dyDescent="0.25">
      <c r="A69" s="2" t="s">
        <v>95</v>
      </c>
      <c r="B69" s="4" t="s">
        <v>1102</v>
      </c>
      <c r="C69" s="7">
        <v>0</v>
      </c>
      <c r="D69" s="7">
        <v>0</v>
      </c>
      <c r="E69" s="7">
        <v>0</v>
      </c>
    </row>
    <row r="71" spans="1:6" x14ac:dyDescent="0.25">
      <c r="A71" s="8" t="s">
        <v>6</v>
      </c>
      <c r="B71" s="8" t="s">
        <v>1103</v>
      </c>
      <c r="C71" s="8" t="s">
        <v>1095</v>
      </c>
      <c r="D71" s="8" t="s">
        <v>1104</v>
      </c>
    </row>
    <row r="72" spans="1:6" x14ac:dyDescent="0.25">
      <c r="A72" s="8" t="s">
        <v>7</v>
      </c>
      <c r="B72" s="8" t="s">
        <v>7</v>
      </c>
      <c r="C72" s="8" t="s">
        <v>7</v>
      </c>
      <c r="D72" s="8" t="s">
        <v>7</v>
      </c>
    </row>
    <row r="73" spans="1:6" x14ac:dyDescent="0.25">
      <c r="A73" s="2" t="s">
        <v>97</v>
      </c>
      <c r="B73" s="4" t="s">
        <v>1105</v>
      </c>
      <c r="C73" s="7">
        <v>0</v>
      </c>
      <c r="D73" s="7">
        <v>0</v>
      </c>
    </row>
    <row r="74" spans="1:6" x14ac:dyDescent="0.25">
      <c r="A74" s="2" t="s">
        <v>99</v>
      </c>
      <c r="B74" s="4" t="s">
        <v>1106</v>
      </c>
      <c r="C74" s="7">
        <v>0</v>
      </c>
      <c r="D74" s="7">
        <v>0</v>
      </c>
    </row>
    <row r="76" spans="1:6" x14ac:dyDescent="0.25">
      <c r="A76" s="8" t="s">
        <v>6</v>
      </c>
      <c r="B76" s="8" t="s">
        <v>1107</v>
      </c>
      <c r="C76" s="8" t="s">
        <v>1108</v>
      </c>
      <c r="D76" s="8" t="s">
        <v>1109</v>
      </c>
      <c r="E76" s="8" t="s">
        <v>1110</v>
      </c>
      <c r="F76" s="8" t="s">
        <v>1111</v>
      </c>
    </row>
    <row r="77" spans="1:6" x14ac:dyDescent="0.25">
      <c r="A77" s="8" t="s">
        <v>7</v>
      </c>
      <c r="B77" s="8" t="s">
        <v>7</v>
      </c>
      <c r="C77" s="8" t="s">
        <v>7</v>
      </c>
      <c r="D77" s="8" t="s">
        <v>7</v>
      </c>
      <c r="E77" s="8" t="s">
        <v>7</v>
      </c>
      <c r="F77" s="8" t="s">
        <v>7</v>
      </c>
    </row>
    <row r="78" spans="1:6" x14ac:dyDescent="0.25">
      <c r="A78" s="2" t="s">
        <v>101</v>
      </c>
      <c r="B78" s="4" t="s">
        <v>1112</v>
      </c>
      <c r="C78" s="7">
        <v>0</v>
      </c>
      <c r="D78" s="7">
        <v>0</v>
      </c>
      <c r="E78" s="7">
        <v>0</v>
      </c>
      <c r="F78" s="7">
        <v>0</v>
      </c>
    </row>
    <row r="79" spans="1:6" x14ac:dyDescent="0.25">
      <c r="A79" s="2" t="s">
        <v>103</v>
      </c>
      <c r="B79" s="4" t="s">
        <v>1113</v>
      </c>
      <c r="C79" s="7">
        <v>0</v>
      </c>
      <c r="D79" s="7">
        <v>0</v>
      </c>
      <c r="E79" s="7">
        <v>0</v>
      </c>
      <c r="F79" s="7">
        <v>0</v>
      </c>
    </row>
    <row r="80" spans="1:6" x14ac:dyDescent="0.25">
      <c r="A80" s="2" t="s">
        <v>105</v>
      </c>
      <c r="B80" s="4" t="s">
        <v>1114</v>
      </c>
      <c r="C80" s="7">
        <v>0</v>
      </c>
      <c r="D80" s="7">
        <v>0</v>
      </c>
      <c r="E80" s="7">
        <v>0</v>
      </c>
      <c r="F80" s="7">
        <v>0</v>
      </c>
    </row>
    <row r="81" spans="1:6" x14ac:dyDescent="0.25">
      <c r="A81" s="2" t="s">
        <v>107</v>
      </c>
      <c r="B81" s="4" t="s">
        <v>1115</v>
      </c>
      <c r="C81" s="7">
        <v>0</v>
      </c>
      <c r="D81" s="7">
        <v>0</v>
      </c>
      <c r="E81" s="7">
        <v>0</v>
      </c>
      <c r="F81" s="7">
        <v>0</v>
      </c>
    </row>
    <row r="82" spans="1:6" x14ac:dyDescent="0.25">
      <c r="A82" s="2" t="s">
        <v>109</v>
      </c>
      <c r="B82" s="4" t="s">
        <v>1116</v>
      </c>
      <c r="C82" s="7">
        <v>0</v>
      </c>
      <c r="D82" s="7">
        <v>0</v>
      </c>
      <c r="E82" s="7">
        <v>0</v>
      </c>
      <c r="F82" s="7">
        <v>0</v>
      </c>
    </row>
    <row r="83" spans="1:6" x14ac:dyDescent="0.25">
      <c r="A83" s="2" t="s">
        <v>111</v>
      </c>
      <c r="B83" s="4" t="s">
        <v>1117</v>
      </c>
      <c r="C83" s="7">
        <v>0</v>
      </c>
      <c r="D83" s="7">
        <v>0</v>
      </c>
      <c r="E83" s="7">
        <v>0</v>
      </c>
      <c r="F83" s="7">
        <v>0</v>
      </c>
    </row>
    <row r="85" spans="1:6" x14ac:dyDescent="0.25">
      <c r="A85" s="8" t="s">
        <v>6</v>
      </c>
      <c r="B85" s="8" t="s">
        <v>1118</v>
      </c>
      <c r="C85" s="8" t="s">
        <v>1095</v>
      </c>
      <c r="D85" s="8" t="s">
        <v>1119</v>
      </c>
    </row>
    <row r="86" spans="1:6" x14ac:dyDescent="0.25">
      <c r="A86" s="8" t="s">
        <v>7</v>
      </c>
      <c r="B86" s="8" t="s">
        <v>7</v>
      </c>
      <c r="C86" s="8" t="s">
        <v>7</v>
      </c>
      <c r="D86" s="8" t="s">
        <v>7</v>
      </c>
    </row>
    <row r="87" spans="1:6" x14ac:dyDescent="0.25">
      <c r="A87" s="2" t="s">
        <v>113</v>
      </c>
      <c r="B87" s="4" t="s">
        <v>1120</v>
      </c>
      <c r="C87" s="7">
        <v>0</v>
      </c>
      <c r="D87" s="7">
        <v>0</v>
      </c>
    </row>
    <row r="88" spans="1:6" x14ac:dyDescent="0.25">
      <c r="A88" s="2" t="s">
        <v>115</v>
      </c>
      <c r="B88" s="4" t="s">
        <v>1121</v>
      </c>
      <c r="C88" s="7">
        <v>0</v>
      </c>
      <c r="D88" s="7">
        <v>0</v>
      </c>
    </row>
    <row r="90" spans="1:6" x14ac:dyDescent="0.25">
      <c r="A90" s="8" t="s">
        <v>6</v>
      </c>
      <c r="B90" s="8" t="s">
        <v>1122</v>
      </c>
      <c r="C90" s="8" t="s">
        <v>1095</v>
      </c>
      <c r="D90" s="8" t="s">
        <v>1123</v>
      </c>
      <c r="E90" s="8" t="s">
        <v>1123</v>
      </c>
    </row>
    <row r="91" spans="1:6" ht="21" x14ac:dyDescent="0.25">
      <c r="A91" s="8" t="s">
        <v>7</v>
      </c>
      <c r="B91" s="8" t="s">
        <v>7</v>
      </c>
      <c r="C91" s="8" t="s">
        <v>7</v>
      </c>
      <c r="D91" s="1" t="s">
        <v>1097</v>
      </c>
      <c r="E91" s="1" t="s">
        <v>1098</v>
      </c>
    </row>
    <row r="92" spans="1:6" x14ac:dyDescent="0.25">
      <c r="A92" s="2" t="s">
        <v>117</v>
      </c>
      <c r="B92" s="4" t="s">
        <v>1124</v>
      </c>
      <c r="C92" s="7">
        <v>1006514673.03</v>
      </c>
      <c r="D92" s="7">
        <v>12</v>
      </c>
      <c r="E92" s="7">
        <v>12.88</v>
      </c>
    </row>
    <row r="94" spans="1:6" x14ac:dyDescent="0.25">
      <c r="A94" s="8" t="s">
        <v>6</v>
      </c>
      <c r="B94" s="8" t="s">
        <v>1125</v>
      </c>
      <c r="C94" s="8" t="s">
        <v>1126</v>
      </c>
    </row>
    <row r="95" spans="1:6" x14ac:dyDescent="0.25">
      <c r="A95" s="8" t="s">
        <v>7</v>
      </c>
      <c r="B95" s="8" t="s">
        <v>7</v>
      </c>
      <c r="C95" s="8" t="s">
        <v>7</v>
      </c>
    </row>
    <row r="96" spans="1:6" x14ac:dyDescent="0.25">
      <c r="A96" s="2" t="s">
        <v>119</v>
      </c>
      <c r="B96" s="4" t="s">
        <v>1127</v>
      </c>
      <c r="C96" s="7">
        <v>0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5:A26"/>
    <mergeCell ref="B25:B26"/>
    <mergeCell ref="C25:C26"/>
    <mergeCell ref="A30:A31"/>
    <mergeCell ref="B30:B31"/>
    <mergeCell ref="C30:C31"/>
    <mergeCell ref="A34:A35"/>
    <mergeCell ref="B34:B35"/>
    <mergeCell ref="C34:C35"/>
    <mergeCell ref="A43:A44"/>
    <mergeCell ref="B43:B44"/>
    <mergeCell ref="C43:C44"/>
    <mergeCell ref="D43:D44"/>
    <mergeCell ref="E43:E44"/>
    <mergeCell ref="F48:F49"/>
    <mergeCell ref="A64:A65"/>
    <mergeCell ref="B64:B65"/>
    <mergeCell ref="C64:C65"/>
    <mergeCell ref="D64:E64"/>
    <mergeCell ref="A48:A49"/>
    <mergeCell ref="B48:B49"/>
    <mergeCell ref="C48:C49"/>
    <mergeCell ref="D48:D49"/>
    <mergeCell ref="E48:E49"/>
    <mergeCell ref="A71:A72"/>
    <mergeCell ref="B71:B72"/>
    <mergeCell ref="C71:C72"/>
    <mergeCell ref="D71:D72"/>
    <mergeCell ref="A76:A77"/>
    <mergeCell ref="B76:B77"/>
    <mergeCell ref="C76:C77"/>
    <mergeCell ref="D76:D77"/>
    <mergeCell ref="E76:E77"/>
    <mergeCell ref="F76:F77"/>
    <mergeCell ref="A85:A86"/>
    <mergeCell ref="B85:B86"/>
    <mergeCell ref="C85:C86"/>
    <mergeCell ref="D85:D86"/>
    <mergeCell ref="A90:A91"/>
    <mergeCell ref="B90:B91"/>
    <mergeCell ref="C90:C91"/>
    <mergeCell ref="D90:E90"/>
    <mergeCell ref="A94:A95"/>
    <mergeCell ref="B94:B95"/>
    <mergeCell ref="C94:C95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2"/>
  <sheetViews>
    <sheetView showGridLines="0" topLeftCell="C185" workbookViewId="0">
      <selection activeCell="J202" sqref="J202"/>
    </sheetView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</cols>
  <sheetData>
    <row r="3" spans="1:12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</row>
    <row r="4" spans="1:12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</row>
    <row r="5" spans="1:12" x14ac:dyDescent="0.25">
      <c r="A5" s="12" t="s">
        <v>366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</row>
    <row r="6" spans="1:12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</row>
    <row r="7" spans="1:12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</row>
    <row r="9" spans="1:12" x14ac:dyDescent="0.25">
      <c r="A9" s="9" t="s">
        <v>367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</row>
    <row r="10" spans="1:12" x14ac:dyDescent="0.25">
      <c r="A10" s="8" t="s">
        <v>6</v>
      </c>
      <c r="B10" s="8" t="s">
        <v>368</v>
      </c>
      <c r="C10" s="8" t="s">
        <v>369</v>
      </c>
      <c r="D10" s="8" t="s">
        <v>370</v>
      </c>
      <c r="E10" s="8" t="s">
        <v>168</v>
      </c>
      <c r="F10" s="8" t="s">
        <v>7</v>
      </c>
      <c r="G10" s="8" t="s">
        <v>7</v>
      </c>
      <c r="H10" s="8" t="s">
        <v>373</v>
      </c>
      <c r="I10" s="8" t="s">
        <v>172</v>
      </c>
      <c r="J10" s="8" t="s">
        <v>7</v>
      </c>
      <c r="K10" s="8" t="s">
        <v>7</v>
      </c>
      <c r="L10" s="8" t="s">
        <v>376</v>
      </c>
    </row>
    <row r="11" spans="1:12" ht="31.5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169</v>
      </c>
      <c r="F11" s="1" t="s">
        <v>371</v>
      </c>
      <c r="G11" s="1" t="s">
        <v>372</v>
      </c>
      <c r="H11" s="8" t="s">
        <v>7</v>
      </c>
      <c r="I11" s="1" t="s">
        <v>169</v>
      </c>
      <c r="J11" s="1" t="s">
        <v>374</v>
      </c>
      <c r="K11" s="1" t="s">
        <v>375</v>
      </c>
      <c r="L11" s="8" t="s">
        <v>7</v>
      </c>
    </row>
    <row r="12" spans="1:12" x14ac:dyDescent="0.25">
      <c r="A12" s="3" t="s">
        <v>17</v>
      </c>
      <c r="B12" s="5" t="s">
        <v>377</v>
      </c>
      <c r="C12" s="6">
        <v>13661139500</v>
      </c>
      <c r="D12" s="6">
        <v>14448426134.73</v>
      </c>
      <c r="E12" s="6">
        <v>1973021274.8800001</v>
      </c>
      <c r="F12" s="6">
        <v>11057794005.360001</v>
      </c>
      <c r="G12" s="6">
        <v>85.31</v>
      </c>
      <c r="H12" s="6">
        <v>3390632129.3699999</v>
      </c>
      <c r="I12" s="6">
        <v>2203422018.96</v>
      </c>
      <c r="J12" s="6">
        <v>10195053247.58</v>
      </c>
      <c r="K12" s="6">
        <v>84.53</v>
      </c>
      <c r="L12" s="6">
        <v>4253372887.1500001</v>
      </c>
    </row>
    <row r="13" spans="1:12" x14ac:dyDescent="0.25">
      <c r="A13" s="3" t="s">
        <v>19</v>
      </c>
      <c r="B13" s="5" t="s">
        <v>378</v>
      </c>
      <c r="C13" s="6">
        <v>487743200</v>
      </c>
      <c r="D13" s="6">
        <v>483168941.68000001</v>
      </c>
      <c r="E13" s="6">
        <v>38486460.240000002</v>
      </c>
      <c r="F13" s="6">
        <v>359331033.81999999</v>
      </c>
      <c r="G13" s="6">
        <v>2.78</v>
      </c>
      <c r="H13" s="6">
        <v>123837907.86</v>
      </c>
      <c r="I13" s="6">
        <v>66489589.619999997</v>
      </c>
      <c r="J13" s="6">
        <v>304347614.25999999</v>
      </c>
      <c r="K13" s="6">
        <v>2.52</v>
      </c>
      <c r="L13" s="6">
        <v>178821327.41999999</v>
      </c>
    </row>
    <row r="14" spans="1:12" x14ac:dyDescent="0.25">
      <c r="A14" s="2" t="s">
        <v>21</v>
      </c>
      <c r="B14" s="4" t="s">
        <v>379</v>
      </c>
      <c r="C14" s="7">
        <v>250550000</v>
      </c>
      <c r="D14" s="7">
        <v>250325741.68000001</v>
      </c>
      <c r="E14" s="7">
        <v>36474941.530000001</v>
      </c>
      <c r="F14" s="7">
        <v>174628120.62</v>
      </c>
      <c r="G14" s="7">
        <v>1.35</v>
      </c>
      <c r="H14" s="7">
        <v>75697621.060000002</v>
      </c>
      <c r="I14" s="7">
        <v>36627255.049999997</v>
      </c>
      <c r="J14" s="7">
        <v>154909463.59999999</v>
      </c>
      <c r="K14" s="7">
        <v>1.28</v>
      </c>
      <c r="L14" s="7">
        <v>95416278.079999998</v>
      </c>
    </row>
    <row r="15" spans="1:12" x14ac:dyDescent="0.25">
      <c r="A15" s="2" t="s">
        <v>23</v>
      </c>
      <c r="B15" s="4" t="s">
        <v>380</v>
      </c>
      <c r="C15" s="7">
        <v>237193200</v>
      </c>
      <c r="D15" s="7">
        <v>232843200</v>
      </c>
      <c r="E15" s="7">
        <v>2011518.71</v>
      </c>
      <c r="F15" s="7">
        <v>184702913.19999999</v>
      </c>
      <c r="G15" s="7">
        <v>1.43</v>
      </c>
      <c r="H15" s="7">
        <v>48140286.799999997</v>
      </c>
      <c r="I15" s="7">
        <v>29862334.57</v>
      </c>
      <c r="J15" s="7">
        <v>149438150.66</v>
      </c>
      <c r="K15" s="7">
        <v>1.24</v>
      </c>
      <c r="L15" s="7">
        <v>83405049.340000004</v>
      </c>
    </row>
    <row r="16" spans="1:12" x14ac:dyDescent="0.25">
      <c r="A16" s="3" t="s">
        <v>25</v>
      </c>
      <c r="B16" s="5" t="s">
        <v>381</v>
      </c>
      <c r="C16" s="6">
        <v>917017200</v>
      </c>
      <c r="D16" s="6">
        <v>928909149.09000003</v>
      </c>
      <c r="E16" s="6">
        <v>12238716.210000001</v>
      </c>
      <c r="F16" s="6">
        <v>901162030.62</v>
      </c>
      <c r="G16" s="6">
        <v>6.95</v>
      </c>
      <c r="H16" s="6">
        <v>27747118.469999999</v>
      </c>
      <c r="I16" s="6">
        <v>134645659.19999999</v>
      </c>
      <c r="J16" s="6">
        <v>679774206.52999997</v>
      </c>
      <c r="K16" s="6">
        <v>5.62</v>
      </c>
      <c r="L16" s="6">
        <v>249134942.56</v>
      </c>
    </row>
    <row r="17" spans="1:12" x14ac:dyDescent="0.25">
      <c r="A17" s="2" t="s">
        <v>27</v>
      </c>
      <c r="B17" s="4" t="s">
        <v>382</v>
      </c>
      <c r="C17" s="7">
        <v>123432700</v>
      </c>
      <c r="D17" s="7">
        <v>143932700</v>
      </c>
      <c r="E17" s="7">
        <v>3779158.76</v>
      </c>
      <c r="F17" s="7">
        <v>127567426.58</v>
      </c>
      <c r="G17" s="7">
        <v>0.98</v>
      </c>
      <c r="H17" s="7">
        <v>16365273.42</v>
      </c>
      <c r="I17" s="7">
        <v>20534244.940000001</v>
      </c>
      <c r="J17" s="7">
        <v>98968889.840000004</v>
      </c>
      <c r="K17" s="7">
        <v>0.82</v>
      </c>
      <c r="L17" s="7">
        <v>44963810.159999996</v>
      </c>
    </row>
    <row r="18" spans="1:12" x14ac:dyDescent="0.25">
      <c r="A18" s="2" t="s">
        <v>29</v>
      </c>
      <c r="B18" s="4" t="s">
        <v>383</v>
      </c>
      <c r="C18" s="7">
        <v>756335200</v>
      </c>
      <c r="D18" s="7">
        <v>747727149.09000003</v>
      </c>
      <c r="E18" s="7">
        <v>7453794.8300000001</v>
      </c>
      <c r="F18" s="7">
        <v>746318871.54999995</v>
      </c>
      <c r="G18" s="7">
        <v>5.76</v>
      </c>
      <c r="H18" s="7">
        <v>1408277.54</v>
      </c>
      <c r="I18" s="7">
        <v>109998201.92</v>
      </c>
      <c r="J18" s="7">
        <v>562457452.20000005</v>
      </c>
      <c r="K18" s="7">
        <v>4.66</v>
      </c>
      <c r="L18" s="7">
        <v>185269696.88999999</v>
      </c>
    </row>
    <row r="19" spans="1:12" x14ac:dyDescent="0.25">
      <c r="A19" s="2" t="s">
        <v>31</v>
      </c>
      <c r="B19" s="4" t="s">
        <v>384</v>
      </c>
      <c r="C19" s="7">
        <v>30000000</v>
      </c>
      <c r="D19" s="7">
        <v>30000000</v>
      </c>
      <c r="E19" s="7">
        <v>100293.34</v>
      </c>
      <c r="F19" s="7">
        <v>21283977.030000001</v>
      </c>
      <c r="G19" s="7">
        <v>0.16</v>
      </c>
      <c r="H19" s="7">
        <v>8716022.9700000007</v>
      </c>
      <c r="I19" s="7">
        <v>2787468.98</v>
      </c>
      <c r="J19" s="7">
        <v>14610109.890000001</v>
      </c>
      <c r="K19" s="7">
        <v>0.12</v>
      </c>
      <c r="L19" s="7">
        <v>15389890.109999999</v>
      </c>
    </row>
    <row r="20" spans="1:12" x14ac:dyDescent="0.25">
      <c r="A20" s="2" t="s">
        <v>33</v>
      </c>
      <c r="B20" s="4" t="s">
        <v>385</v>
      </c>
      <c r="C20" s="7">
        <v>3340300</v>
      </c>
      <c r="D20" s="7">
        <v>3340300</v>
      </c>
      <c r="E20" s="7">
        <v>765371.92</v>
      </c>
      <c r="F20" s="7">
        <v>2845943.38</v>
      </c>
      <c r="G20" s="7">
        <v>0.02</v>
      </c>
      <c r="H20" s="7">
        <v>494356.62</v>
      </c>
      <c r="I20" s="7">
        <v>857742.36</v>
      </c>
      <c r="J20" s="7">
        <v>1745739.69</v>
      </c>
      <c r="K20" s="7">
        <v>0.01</v>
      </c>
      <c r="L20" s="7">
        <v>1594560.31</v>
      </c>
    </row>
    <row r="21" spans="1:12" x14ac:dyDescent="0.25">
      <c r="A21" s="2" t="s">
        <v>35</v>
      </c>
      <c r="B21" s="4" t="s">
        <v>386</v>
      </c>
      <c r="C21" s="7">
        <v>3227000</v>
      </c>
      <c r="D21" s="7">
        <v>3227000</v>
      </c>
      <c r="E21" s="7">
        <v>140097.35999999999</v>
      </c>
      <c r="F21" s="7">
        <v>2463812.08</v>
      </c>
      <c r="G21" s="7">
        <v>0.02</v>
      </c>
      <c r="H21" s="7">
        <v>763187.92</v>
      </c>
      <c r="I21" s="7">
        <v>360534.58</v>
      </c>
      <c r="J21" s="7">
        <v>1460308.41</v>
      </c>
      <c r="K21" s="7">
        <v>0.01</v>
      </c>
      <c r="L21" s="7">
        <v>1766691.59</v>
      </c>
    </row>
    <row r="22" spans="1:12" x14ac:dyDescent="0.25">
      <c r="A22" s="2" t="s">
        <v>37</v>
      </c>
      <c r="B22" s="4" t="s">
        <v>387</v>
      </c>
      <c r="C22" s="7">
        <v>682000</v>
      </c>
      <c r="D22" s="7">
        <v>682000</v>
      </c>
      <c r="E22" s="7">
        <v>0</v>
      </c>
      <c r="F22" s="7">
        <v>682000</v>
      </c>
      <c r="G22" s="7">
        <v>0.01</v>
      </c>
      <c r="H22" s="7">
        <v>0</v>
      </c>
      <c r="I22" s="7">
        <v>107466.42</v>
      </c>
      <c r="J22" s="7">
        <v>531706.5</v>
      </c>
      <c r="K22" s="7">
        <v>0</v>
      </c>
      <c r="L22" s="7">
        <v>150293.5</v>
      </c>
    </row>
    <row r="23" spans="1:12" x14ac:dyDescent="0.25">
      <c r="A23" s="3" t="s">
        <v>39</v>
      </c>
      <c r="B23" s="5" t="s">
        <v>388</v>
      </c>
      <c r="C23" s="6">
        <v>868996000</v>
      </c>
      <c r="D23" s="6">
        <v>885160052.5</v>
      </c>
      <c r="E23" s="6">
        <v>137540766.88999999</v>
      </c>
      <c r="F23" s="6">
        <v>699693219.85000002</v>
      </c>
      <c r="G23" s="6">
        <v>5.39</v>
      </c>
      <c r="H23" s="6">
        <v>185466832.65000001</v>
      </c>
      <c r="I23" s="6">
        <v>146654306.72999999</v>
      </c>
      <c r="J23" s="6">
        <v>654552841.94000006</v>
      </c>
      <c r="K23" s="6">
        <v>5.43</v>
      </c>
      <c r="L23" s="6">
        <v>230607210.56</v>
      </c>
    </row>
    <row r="24" spans="1:12" x14ac:dyDescent="0.25">
      <c r="A24" s="2" t="s">
        <v>41</v>
      </c>
      <c r="B24" s="4" t="s">
        <v>389</v>
      </c>
      <c r="C24" s="7">
        <v>410061400</v>
      </c>
      <c r="D24" s="7">
        <v>429523300</v>
      </c>
      <c r="E24" s="7">
        <v>58541709.350000001</v>
      </c>
      <c r="F24" s="7">
        <v>339312716.49000001</v>
      </c>
      <c r="G24" s="7">
        <v>2.62</v>
      </c>
      <c r="H24" s="7">
        <v>90210583.510000005</v>
      </c>
      <c r="I24" s="7">
        <v>66135842.350000001</v>
      </c>
      <c r="J24" s="7">
        <v>299365751.94999999</v>
      </c>
      <c r="K24" s="7">
        <v>2.48</v>
      </c>
      <c r="L24" s="7">
        <v>130157548.05</v>
      </c>
    </row>
    <row r="25" spans="1:12" x14ac:dyDescent="0.25">
      <c r="A25" s="2" t="s">
        <v>43</v>
      </c>
      <c r="B25" s="4" t="s">
        <v>390</v>
      </c>
      <c r="C25" s="7">
        <v>96812400</v>
      </c>
      <c r="D25" s="7">
        <v>84080100</v>
      </c>
      <c r="E25" s="7">
        <v>8789376.5600000005</v>
      </c>
      <c r="F25" s="7">
        <v>46599070.469999999</v>
      </c>
      <c r="G25" s="7">
        <v>0.36</v>
      </c>
      <c r="H25" s="7">
        <v>37481029.530000001</v>
      </c>
      <c r="I25" s="7">
        <v>8567654.6899999995</v>
      </c>
      <c r="J25" s="7">
        <v>44495211.719999999</v>
      </c>
      <c r="K25" s="7">
        <v>0.37</v>
      </c>
      <c r="L25" s="7">
        <v>39584888.280000001</v>
      </c>
    </row>
    <row r="26" spans="1:12" x14ac:dyDescent="0.25">
      <c r="A26" s="2" t="s">
        <v>45</v>
      </c>
      <c r="B26" s="4" t="s">
        <v>383</v>
      </c>
      <c r="C26" s="7">
        <v>17988600</v>
      </c>
      <c r="D26" s="7">
        <v>19113100</v>
      </c>
      <c r="E26" s="7">
        <v>2008671.07</v>
      </c>
      <c r="F26" s="7">
        <v>16044398.6</v>
      </c>
      <c r="G26" s="7">
        <v>0.12</v>
      </c>
      <c r="H26" s="7">
        <v>3068701.4</v>
      </c>
      <c r="I26" s="7">
        <v>3751324.85</v>
      </c>
      <c r="J26" s="7">
        <v>13471570.789999999</v>
      </c>
      <c r="K26" s="7">
        <v>0.11</v>
      </c>
      <c r="L26" s="7">
        <v>5641529.21</v>
      </c>
    </row>
    <row r="27" spans="1:12" x14ac:dyDescent="0.25">
      <c r="A27" s="2" t="s">
        <v>47</v>
      </c>
      <c r="B27" s="4" t="s">
        <v>385</v>
      </c>
      <c r="C27" s="7">
        <v>4338400</v>
      </c>
      <c r="D27" s="7">
        <v>12137900</v>
      </c>
      <c r="E27" s="7">
        <v>1473210.28</v>
      </c>
      <c r="F27" s="7">
        <v>8339168.4199999999</v>
      </c>
      <c r="G27" s="7">
        <v>0.06</v>
      </c>
      <c r="H27" s="7">
        <v>3798731.58</v>
      </c>
      <c r="I27" s="7">
        <v>1474282.31</v>
      </c>
      <c r="J27" s="7">
        <v>8253153.5099999998</v>
      </c>
      <c r="K27" s="7">
        <v>7.0000000000000007E-2</v>
      </c>
      <c r="L27" s="7">
        <v>3884746.49</v>
      </c>
    </row>
    <row r="28" spans="1:12" x14ac:dyDescent="0.25">
      <c r="A28" s="2" t="s">
        <v>49</v>
      </c>
      <c r="B28" s="4" t="s">
        <v>391</v>
      </c>
      <c r="C28" s="7">
        <v>160870800</v>
      </c>
      <c r="D28" s="7">
        <v>161381252.5</v>
      </c>
      <c r="E28" s="7">
        <v>24794772.460000001</v>
      </c>
      <c r="F28" s="7">
        <v>123159878.95</v>
      </c>
      <c r="G28" s="7">
        <v>0.95</v>
      </c>
      <c r="H28" s="7">
        <v>38221373.549999997</v>
      </c>
      <c r="I28" s="7">
        <v>24792175.359999999</v>
      </c>
      <c r="J28" s="7">
        <v>122729167.05</v>
      </c>
      <c r="K28" s="7">
        <v>1.02</v>
      </c>
      <c r="L28" s="7">
        <v>38652085.450000003</v>
      </c>
    </row>
    <row r="29" spans="1:12" x14ac:dyDescent="0.25">
      <c r="A29" s="2" t="s">
        <v>51</v>
      </c>
      <c r="B29" s="4" t="s">
        <v>387</v>
      </c>
      <c r="C29" s="7">
        <v>178924400</v>
      </c>
      <c r="D29" s="7">
        <v>178924400</v>
      </c>
      <c r="E29" s="7">
        <v>41933027.170000002</v>
      </c>
      <c r="F29" s="7">
        <v>166237986.91999999</v>
      </c>
      <c r="G29" s="7">
        <v>1.28</v>
      </c>
      <c r="H29" s="7">
        <v>12686413.08</v>
      </c>
      <c r="I29" s="7">
        <v>41933027.170000002</v>
      </c>
      <c r="J29" s="7">
        <v>166237986.91999999</v>
      </c>
      <c r="K29" s="7">
        <v>1.38</v>
      </c>
      <c r="L29" s="7">
        <v>12686413.08</v>
      </c>
    </row>
    <row r="30" spans="1:12" x14ac:dyDescent="0.25">
      <c r="A30" s="3" t="s">
        <v>53</v>
      </c>
      <c r="B30" s="5" t="s">
        <v>392</v>
      </c>
      <c r="C30" s="6">
        <v>1064022500</v>
      </c>
      <c r="D30" s="6">
        <v>1074150972.76</v>
      </c>
      <c r="E30" s="6">
        <v>124122693.33</v>
      </c>
      <c r="F30" s="6">
        <v>641627904.36000001</v>
      </c>
      <c r="G30" s="6">
        <v>4.95</v>
      </c>
      <c r="H30" s="6">
        <v>432523068.39999998</v>
      </c>
      <c r="I30" s="6">
        <v>129081978.91</v>
      </c>
      <c r="J30" s="6">
        <v>613120306.44000006</v>
      </c>
      <c r="K30" s="6">
        <v>5.08</v>
      </c>
      <c r="L30" s="6">
        <v>461030666.31999999</v>
      </c>
    </row>
    <row r="31" spans="1:12" x14ac:dyDescent="0.25">
      <c r="A31" s="2" t="s">
        <v>55</v>
      </c>
      <c r="B31" s="4" t="s">
        <v>383</v>
      </c>
      <c r="C31" s="7">
        <v>377346700</v>
      </c>
      <c r="D31" s="7">
        <v>399942216.60000002</v>
      </c>
      <c r="E31" s="7">
        <v>53270600.18</v>
      </c>
      <c r="F31" s="7">
        <v>250255950.11000001</v>
      </c>
      <c r="G31" s="7">
        <v>1.93</v>
      </c>
      <c r="H31" s="7">
        <v>149686266.49000001</v>
      </c>
      <c r="I31" s="7">
        <v>50688065.93</v>
      </c>
      <c r="J31" s="7">
        <v>228190904.28999999</v>
      </c>
      <c r="K31" s="7">
        <v>1.89</v>
      </c>
      <c r="L31" s="7">
        <v>171751312.31</v>
      </c>
    </row>
    <row r="32" spans="1:12" x14ac:dyDescent="0.25">
      <c r="A32" s="2" t="s">
        <v>57</v>
      </c>
      <c r="B32" s="4" t="s">
        <v>393</v>
      </c>
      <c r="C32" s="7">
        <v>672877200</v>
      </c>
      <c r="D32" s="7">
        <v>659983104</v>
      </c>
      <c r="E32" s="7">
        <v>68838136.200000003</v>
      </c>
      <c r="F32" s="7">
        <v>380720085.45999998</v>
      </c>
      <c r="G32" s="7">
        <v>2.94</v>
      </c>
      <c r="H32" s="7">
        <v>279263018.54000002</v>
      </c>
      <c r="I32" s="7">
        <v>76357854.549999997</v>
      </c>
      <c r="J32" s="7">
        <v>374688268.14999998</v>
      </c>
      <c r="K32" s="7">
        <v>3.11</v>
      </c>
      <c r="L32" s="7">
        <v>285294835.85000002</v>
      </c>
    </row>
    <row r="33" spans="1:12" x14ac:dyDescent="0.25">
      <c r="A33" s="2" t="s">
        <v>59</v>
      </c>
      <c r="B33" s="4" t="s">
        <v>394</v>
      </c>
      <c r="C33" s="7">
        <v>13796600</v>
      </c>
      <c r="D33" s="7">
        <v>14174229.640000001</v>
      </c>
      <c r="E33" s="7">
        <v>2013956.95</v>
      </c>
      <c r="F33" s="7">
        <v>10627907.99</v>
      </c>
      <c r="G33" s="7">
        <v>0.08</v>
      </c>
      <c r="H33" s="7">
        <v>3546321.65</v>
      </c>
      <c r="I33" s="7">
        <v>2036058.43</v>
      </c>
      <c r="J33" s="7">
        <v>10217173.199999999</v>
      </c>
      <c r="K33" s="7">
        <v>0.08</v>
      </c>
      <c r="L33" s="7">
        <v>3957056.44</v>
      </c>
    </row>
    <row r="34" spans="1:12" x14ac:dyDescent="0.25">
      <c r="A34" s="2" t="s">
        <v>61</v>
      </c>
      <c r="B34" s="4" t="s">
        <v>395</v>
      </c>
      <c r="C34" s="7">
        <v>2000</v>
      </c>
      <c r="D34" s="7">
        <v>51422.52</v>
      </c>
      <c r="E34" s="7">
        <v>0</v>
      </c>
      <c r="F34" s="7">
        <v>23960.799999999999</v>
      </c>
      <c r="G34" s="7">
        <v>0</v>
      </c>
      <c r="H34" s="7">
        <v>27461.72</v>
      </c>
      <c r="I34" s="7">
        <v>0</v>
      </c>
      <c r="J34" s="7">
        <v>23960.799999999999</v>
      </c>
      <c r="K34" s="7">
        <v>0</v>
      </c>
      <c r="L34" s="7">
        <v>27461.72</v>
      </c>
    </row>
    <row r="35" spans="1:12" x14ac:dyDescent="0.25">
      <c r="A35" s="3" t="s">
        <v>63</v>
      </c>
      <c r="B35" s="5" t="s">
        <v>396</v>
      </c>
      <c r="C35" s="6">
        <v>1873987300</v>
      </c>
      <c r="D35" s="6">
        <v>1537596841.49</v>
      </c>
      <c r="E35" s="6">
        <v>192826410.62</v>
      </c>
      <c r="F35" s="6">
        <v>1070499385.74</v>
      </c>
      <c r="G35" s="6">
        <v>8.26</v>
      </c>
      <c r="H35" s="6">
        <v>467097455.75</v>
      </c>
      <c r="I35" s="6">
        <v>191253235.28</v>
      </c>
      <c r="J35" s="6">
        <v>1030542813.8200001</v>
      </c>
      <c r="K35" s="6">
        <v>8.5500000000000007</v>
      </c>
      <c r="L35" s="6">
        <v>507054027.67000002</v>
      </c>
    </row>
    <row r="36" spans="1:12" x14ac:dyDescent="0.25">
      <c r="A36" s="2" t="s">
        <v>65</v>
      </c>
      <c r="B36" s="4" t="s">
        <v>397</v>
      </c>
      <c r="C36" s="7">
        <v>1871986800</v>
      </c>
      <c r="D36" s="7">
        <v>1531051341.49</v>
      </c>
      <c r="E36" s="7">
        <v>192802100.81999999</v>
      </c>
      <c r="F36" s="7">
        <v>1065712461.5599999</v>
      </c>
      <c r="G36" s="7">
        <v>8.2200000000000006</v>
      </c>
      <c r="H36" s="7">
        <v>465338879.93000001</v>
      </c>
      <c r="I36" s="7">
        <v>191197622.22999999</v>
      </c>
      <c r="J36" s="7">
        <v>1027146495.21</v>
      </c>
      <c r="K36" s="7">
        <v>8.52</v>
      </c>
      <c r="L36" s="7">
        <v>503904846.27999997</v>
      </c>
    </row>
    <row r="37" spans="1:12" x14ac:dyDescent="0.25">
      <c r="A37" s="2" t="s">
        <v>67</v>
      </c>
      <c r="B37" s="4" t="s">
        <v>398</v>
      </c>
      <c r="C37" s="7">
        <v>2000500</v>
      </c>
      <c r="D37" s="7">
        <v>6545500</v>
      </c>
      <c r="E37" s="7">
        <v>24309.8</v>
      </c>
      <c r="F37" s="7">
        <v>4786924.18</v>
      </c>
      <c r="G37" s="7">
        <v>0.04</v>
      </c>
      <c r="H37" s="7">
        <v>1758575.82</v>
      </c>
      <c r="I37" s="7">
        <v>55613.05</v>
      </c>
      <c r="J37" s="7">
        <v>3396318.61</v>
      </c>
      <c r="K37" s="7">
        <v>0.03</v>
      </c>
      <c r="L37" s="7">
        <v>3149181.39</v>
      </c>
    </row>
    <row r="38" spans="1:12" x14ac:dyDescent="0.25">
      <c r="A38" s="2" t="s">
        <v>69</v>
      </c>
      <c r="B38" s="4" t="s">
        <v>399</v>
      </c>
      <c r="C38" s="7">
        <v>0</v>
      </c>
      <c r="D38" s="7">
        <v>0</v>
      </c>
      <c r="E38" s="7">
        <v>0</v>
      </c>
      <c r="F38" s="7">
        <v>0</v>
      </c>
      <c r="G38" s="7">
        <v>0</v>
      </c>
      <c r="H38" s="7">
        <v>0</v>
      </c>
      <c r="I38" s="7">
        <v>0</v>
      </c>
      <c r="J38" s="7">
        <v>0</v>
      </c>
      <c r="K38" s="7">
        <v>0</v>
      </c>
      <c r="L38" s="7">
        <v>0</v>
      </c>
    </row>
    <row r="39" spans="1:12" x14ac:dyDescent="0.25">
      <c r="A39" s="3" t="s">
        <v>71</v>
      </c>
      <c r="B39" s="5" t="s">
        <v>400</v>
      </c>
      <c r="C39" s="6">
        <v>227445900</v>
      </c>
      <c r="D39" s="6">
        <v>224633272.59</v>
      </c>
      <c r="E39" s="6">
        <v>18863923.699999999</v>
      </c>
      <c r="F39" s="6">
        <v>137592516.22999999</v>
      </c>
      <c r="G39" s="6">
        <v>1.06</v>
      </c>
      <c r="H39" s="6">
        <v>87040756.359999999</v>
      </c>
      <c r="I39" s="6">
        <v>18984535.809999999</v>
      </c>
      <c r="J39" s="6">
        <v>135743588.52000001</v>
      </c>
      <c r="K39" s="6">
        <v>1.1299999999999999</v>
      </c>
      <c r="L39" s="6">
        <v>88889684.069999993</v>
      </c>
    </row>
    <row r="40" spans="1:12" x14ac:dyDescent="0.25">
      <c r="A40" s="2" t="s">
        <v>73</v>
      </c>
      <c r="B40" s="4" t="s">
        <v>401</v>
      </c>
      <c r="C40" s="7">
        <v>4000000</v>
      </c>
      <c r="D40" s="7">
        <v>4000000</v>
      </c>
      <c r="E40" s="7">
        <v>0</v>
      </c>
      <c r="F40" s="7">
        <v>0</v>
      </c>
      <c r="G40" s="7">
        <v>0</v>
      </c>
      <c r="H40" s="7">
        <v>4000000</v>
      </c>
      <c r="I40" s="7">
        <v>0</v>
      </c>
      <c r="J40" s="7">
        <v>0</v>
      </c>
      <c r="K40" s="7">
        <v>0</v>
      </c>
      <c r="L40" s="7">
        <v>4000000</v>
      </c>
    </row>
    <row r="41" spans="1:12" x14ac:dyDescent="0.25">
      <c r="A41" s="2" t="s">
        <v>75</v>
      </c>
      <c r="B41" s="4" t="s">
        <v>402</v>
      </c>
      <c r="C41" s="7">
        <v>453400</v>
      </c>
      <c r="D41" s="7">
        <v>453400</v>
      </c>
      <c r="E41" s="7">
        <v>0</v>
      </c>
      <c r="F41" s="7">
        <v>398.28</v>
      </c>
      <c r="G41" s="7">
        <v>0</v>
      </c>
      <c r="H41" s="7">
        <v>453001.72</v>
      </c>
      <c r="I41" s="7">
        <v>0</v>
      </c>
      <c r="J41" s="7">
        <v>398.28</v>
      </c>
      <c r="K41" s="7">
        <v>0</v>
      </c>
      <c r="L41" s="7">
        <v>453001.72</v>
      </c>
    </row>
    <row r="42" spans="1:12" x14ac:dyDescent="0.25">
      <c r="A42" s="2" t="s">
        <v>77</v>
      </c>
      <c r="B42" s="4" t="s">
        <v>403</v>
      </c>
      <c r="C42" s="7">
        <v>201211200</v>
      </c>
      <c r="D42" s="7">
        <v>198498972.59</v>
      </c>
      <c r="E42" s="7">
        <v>17797509.41</v>
      </c>
      <c r="F42" s="7">
        <v>126826015.5</v>
      </c>
      <c r="G42" s="7">
        <v>0.98</v>
      </c>
      <c r="H42" s="7">
        <v>71672957.090000004</v>
      </c>
      <c r="I42" s="7">
        <v>17806023.07</v>
      </c>
      <c r="J42" s="7">
        <v>125113072.34</v>
      </c>
      <c r="K42" s="7">
        <v>1.04</v>
      </c>
      <c r="L42" s="7">
        <v>73385900.25</v>
      </c>
    </row>
    <row r="43" spans="1:12" x14ac:dyDescent="0.25">
      <c r="A43" s="2" t="s">
        <v>79</v>
      </c>
      <c r="B43" s="4" t="s">
        <v>404</v>
      </c>
      <c r="C43" s="7">
        <v>21670000</v>
      </c>
      <c r="D43" s="7">
        <v>21670000</v>
      </c>
      <c r="E43" s="7">
        <v>1064605.77</v>
      </c>
      <c r="F43" s="7">
        <v>10757171.17</v>
      </c>
      <c r="G43" s="7">
        <v>0.08</v>
      </c>
      <c r="H43" s="7">
        <v>10912828.83</v>
      </c>
      <c r="I43" s="7">
        <v>1176708.99</v>
      </c>
      <c r="J43" s="7">
        <v>10621193.57</v>
      </c>
      <c r="K43" s="7">
        <v>0.09</v>
      </c>
      <c r="L43" s="7">
        <v>11048806.43</v>
      </c>
    </row>
    <row r="44" spans="1:12" x14ac:dyDescent="0.25">
      <c r="A44" s="2" t="s">
        <v>81</v>
      </c>
      <c r="B44" s="4" t="s">
        <v>391</v>
      </c>
      <c r="C44" s="7">
        <v>100600</v>
      </c>
      <c r="D44" s="7">
        <v>200</v>
      </c>
      <c r="E44" s="7">
        <v>0</v>
      </c>
      <c r="F44" s="7">
        <v>0</v>
      </c>
      <c r="G44" s="7">
        <v>0</v>
      </c>
      <c r="H44" s="7">
        <v>200</v>
      </c>
      <c r="I44" s="7">
        <v>0</v>
      </c>
      <c r="J44" s="7">
        <v>0</v>
      </c>
      <c r="K44" s="7">
        <v>0</v>
      </c>
      <c r="L44" s="7">
        <v>200</v>
      </c>
    </row>
    <row r="45" spans="1:12" x14ac:dyDescent="0.25">
      <c r="A45" s="2" t="s">
        <v>83</v>
      </c>
      <c r="B45" s="4" t="s">
        <v>405</v>
      </c>
      <c r="C45" s="7">
        <v>10700</v>
      </c>
      <c r="D45" s="7">
        <v>10700</v>
      </c>
      <c r="E45" s="7">
        <v>1808.52</v>
      </c>
      <c r="F45" s="7">
        <v>8931.2800000000007</v>
      </c>
      <c r="G45" s="7">
        <v>0</v>
      </c>
      <c r="H45" s="7">
        <v>1768.72</v>
      </c>
      <c r="I45" s="7">
        <v>1803.75</v>
      </c>
      <c r="J45" s="7">
        <v>8924.33</v>
      </c>
      <c r="K45" s="7">
        <v>0</v>
      </c>
      <c r="L45" s="7">
        <v>1775.67</v>
      </c>
    </row>
    <row r="46" spans="1:12" x14ac:dyDescent="0.25">
      <c r="A46" s="3" t="s">
        <v>85</v>
      </c>
      <c r="B46" s="5" t="s">
        <v>406</v>
      </c>
      <c r="C46" s="6">
        <v>2040262300</v>
      </c>
      <c r="D46" s="6">
        <v>3187393900</v>
      </c>
      <c r="E46" s="6">
        <v>536770677.25999999</v>
      </c>
      <c r="F46" s="6">
        <v>2859678789.4400001</v>
      </c>
      <c r="G46" s="6">
        <v>22.07</v>
      </c>
      <c r="H46" s="6">
        <v>327715110.56</v>
      </c>
      <c r="I46" s="6">
        <v>583251187.50999999</v>
      </c>
      <c r="J46" s="6">
        <v>2841191571.2199998</v>
      </c>
      <c r="K46" s="6">
        <v>23.56</v>
      </c>
      <c r="L46" s="6">
        <v>346202328.77999997</v>
      </c>
    </row>
    <row r="47" spans="1:12" x14ac:dyDescent="0.25">
      <c r="A47" s="2" t="s">
        <v>87</v>
      </c>
      <c r="B47" s="4" t="s">
        <v>407</v>
      </c>
      <c r="C47" s="7">
        <v>2040262300</v>
      </c>
      <c r="D47" s="7">
        <v>3187393900</v>
      </c>
      <c r="E47" s="7">
        <v>536770677.25999999</v>
      </c>
      <c r="F47" s="7">
        <v>2859678789.4400001</v>
      </c>
      <c r="G47" s="7">
        <v>22.07</v>
      </c>
      <c r="H47" s="7">
        <v>327715110.56</v>
      </c>
      <c r="I47" s="7">
        <v>583251187.50999999</v>
      </c>
      <c r="J47" s="7">
        <v>2841191571.2199998</v>
      </c>
      <c r="K47" s="7">
        <v>23.56</v>
      </c>
      <c r="L47" s="7">
        <v>346202328.77999997</v>
      </c>
    </row>
    <row r="48" spans="1:12" x14ac:dyDescent="0.25">
      <c r="A48" s="3" t="s">
        <v>89</v>
      </c>
      <c r="B48" s="5" t="s">
        <v>408</v>
      </c>
      <c r="C48" s="6">
        <v>1388474800</v>
      </c>
      <c r="D48" s="6">
        <v>1425821596.03</v>
      </c>
      <c r="E48" s="6">
        <v>199277480.46000001</v>
      </c>
      <c r="F48" s="6">
        <v>1065624950.4</v>
      </c>
      <c r="G48" s="6">
        <v>8.2200000000000006</v>
      </c>
      <c r="H48" s="6">
        <v>360196645.63</v>
      </c>
      <c r="I48" s="6">
        <v>195039477.81</v>
      </c>
      <c r="J48" s="6">
        <v>953175576.50999999</v>
      </c>
      <c r="K48" s="6">
        <v>7.9</v>
      </c>
      <c r="L48" s="6">
        <v>472646019.51999998</v>
      </c>
    </row>
    <row r="49" spans="1:12" x14ac:dyDescent="0.25">
      <c r="A49" s="2" t="s">
        <v>91</v>
      </c>
      <c r="B49" s="4" t="s">
        <v>383</v>
      </c>
      <c r="C49" s="7">
        <v>553095900</v>
      </c>
      <c r="D49" s="7">
        <v>641433743.51999998</v>
      </c>
      <c r="E49" s="7">
        <v>111070882.54000001</v>
      </c>
      <c r="F49" s="7">
        <v>547132136</v>
      </c>
      <c r="G49" s="7">
        <v>4.22</v>
      </c>
      <c r="H49" s="7">
        <v>94301607.519999996</v>
      </c>
      <c r="I49" s="7">
        <v>107255072.31</v>
      </c>
      <c r="J49" s="7">
        <v>525779179.67000002</v>
      </c>
      <c r="K49" s="7">
        <v>4.3600000000000003</v>
      </c>
      <c r="L49" s="7">
        <v>115654563.84999999</v>
      </c>
    </row>
    <row r="50" spans="1:12" x14ac:dyDescent="0.25">
      <c r="A50" s="2" t="s">
        <v>93</v>
      </c>
      <c r="B50" s="4" t="s">
        <v>394</v>
      </c>
      <c r="C50" s="7">
        <v>0</v>
      </c>
      <c r="D50" s="7">
        <v>0</v>
      </c>
      <c r="E50" s="7">
        <v>0</v>
      </c>
      <c r="F50" s="7">
        <v>0</v>
      </c>
      <c r="G50" s="7">
        <v>0</v>
      </c>
      <c r="H50" s="7">
        <v>0</v>
      </c>
      <c r="I50" s="7">
        <v>0</v>
      </c>
      <c r="J50" s="7">
        <v>0</v>
      </c>
      <c r="K50" s="7">
        <v>0</v>
      </c>
      <c r="L50" s="7">
        <v>0</v>
      </c>
    </row>
    <row r="51" spans="1:12" x14ac:dyDescent="0.25">
      <c r="A51" s="2" t="s">
        <v>95</v>
      </c>
      <c r="B51" s="4" t="s">
        <v>385</v>
      </c>
      <c r="C51" s="7">
        <v>5919200</v>
      </c>
      <c r="D51" s="7">
        <v>4768247.99</v>
      </c>
      <c r="E51" s="7">
        <v>-164616.95999999999</v>
      </c>
      <c r="F51" s="7">
        <v>1790405.38</v>
      </c>
      <c r="G51" s="7">
        <v>0.01</v>
      </c>
      <c r="H51" s="7">
        <v>2977842.61</v>
      </c>
      <c r="I51" s="7">
        <v>116376.15</v>
      </c>
      <c r="J51" s="7">
        <v>542613.27</v>
      </c>
      <c r="K51" s="7">
        <v>0</v>
      </c>
      <c r="L51" s="7">
        <v>4225634.72</v>
      </c>
    </row>
    <row r="52" spans="1:12" x14ac:dyDescent="0.25">
      <c r="A52" s="2" t="s">
        <v>97</v>
      </c>
      <c r="B52" s="4" t="s">
        <v>409</v>
      </c>
      <c r="C52" s="7">
        <v>112185500</v>
      </c>
      <c r="D52" s="7">
        <v>79058403</v>
      </c>
      <c r="E52" s="7">
        <v>9564200.1699999999</v>
      </c>
      <c r="F52" s="7">
        <v>71320843.390000001</v>
      </c>
      <c r="G52" s="7">
        <v>0.55000000000000004</v>
      </c>
      <c r="H52" s="7">
        <v>7737559.6100000003</v>
      </c>
      <c r="I52" s="7">
        <v>9877971.0700000003</v>
      </c>
      <c r="J52" s="7">
        <v>60735254.759999998</v>
      </c>
      <c r="K52" s="7">
        <v>0.5</v>
      </c>
      <c r="L52" s="7">
        <v>18323148.239999998</v>
      </c>
    </row>
    <row r="53" spans="1:12" x14ac:dyDescent="0.25">
      <c r="A53" s="2" t="s">
        <v>99</v>
      </c>
      <c r="B53" s="4" t="s">
        <v>410</v>
      </c>
      <c r="C53" s="7">
        <v>588892600</v>
      </c>
      <c r="D53" s="7">
        <v>573574267</v>
      </c>
      <c r="E53" s="7">
        <v>67752506.569999993</v>
      </c>
      <c r="F53" s="7">
        <v>378345367.35000002</v>
      </c>
      <c r="G53" s="7">
        <v>2.92</v>
      </c>
      <c r="H53" s="7">
        <v>195228899.65000001</v>
      </c>
      <c r="I53" s="7">
        <v>69904525.959999993</v>
      </c>
      <c r="J53" s="7">
        <v>316772155.22000003</v>
      </c>
      <c r="K53" s="7">
        <v>2.63</v>
      </c>
      <c r="L53" s="7">
        <v>256802111.78</v>
      </c>
    </row>
    <row r="54" spans="1:12" x14ac:dyDescent="0.25">
      <c r="A54" s="2" t="s">
        <v>101</v>
      </c>
      <c r="B54" s="4" t="s">
        <v>411</v>
      </c>
      <c r="C54" s="7">
        <v>93010200</v>
      </c>
      <c r="D54" s="7">
        <v>90687224.349999994</v>
      </c>
      <c r="E54" s="7">
        <v>8737105.2799999993</v>
      </c>
      <c r="F54" s="7">
        <v>48804646.240000002</v>
      </c>
      <c r="G54" s="7">
        <v>0.38</v>
      </c>
      <c r="H54" s="7">
        <v>41882578.109999999</v>
      </c>
      <c r="I54" s="7">
        <v>5330028.5</v>
      </c>
      <c r="J54" s="7">
        <v>36844475.850000001</v>
      </c>
      <c r="K54" s="7">
        <v>0.31</v>
      </c>
      <c r="L54" s="7">
        <v>53842748.5</v>
      </c>
    </row>
    <row r="55" spans="1:12" x14ac:dyDescent="0.25">
      <c r="A55" s="2" t="s">
        <v>103</v>
      </c>
      <c r="B55" s="4" t="s">
        <v>412</v>
      </c>
      <c r="C55" s="7">
        <v>0</v>
      </c>
      <c r="D55" s="7">
        <v>0</v>
      </c>
      <c r="E55" s="7">
        <v>0</v>
      </c>
      <c r="F55" s="7">
        <v>0</v>
      </c>
      <c r="G55" s="7">
        <v>0</v>
      </c>
      <c r="H55" s="7">
        <v>0</v>
      </c>
      <c r="I55" s="7">
        <v>0</v>
      </c>
      <c r="J55" s="7">
        <v>0</v>
      </c>
      <c r="K55" s="7">
        <v>0</v>
      </c>
      <c r="L55" s="7">
        <v>0</v>
      </c>
    </row>
    <row r="56" spans="1:12" x14ac:dyDescent="0.25">
      <c r="A56" s="2" t="s">
        <v>105</v>
      </c>
      <c r="B56" s="4" t="s">
        <v>413</v>
      </c>
      <c r="C56" s="7">
        <v>30813300</v>
      </c>
      <c r="D56" s="7">
        <v>32400728</v>
      </c>
      <c r="E56" s="7">
        <v>2217328.91</v>
      </c>
      <c r="F56" s="7">
        <v>16368516.33</v>
      </c>
      <c r="G56" s="7">
        <v>0.13</v>
      </c>
      <c r="H56" s="7">
        <v>16032211.67</v>
      </c>
      <c r="I56" s="7">
        <v>2446306.5699999998</v>
      </c>
      <c r="J56" s="7">
        <v>10707072.5</v>
      </c>
      <c r="K56" s="7">
        <v>0.09</v>
      </c>
      <c r="L56" s="7">
        <v>21693655.5</v>
      </c>
    </row>
    <row r="57" spans="1:12" x14ac:dyDescent="0.25">
      <c r="A57" s="2" t="s">
        <v>107</v>
      </c>
      <c r="B57" s="4" t="s">
        <v>414</v>
      </c>
      <c r="C57" s="7">
        <v>1561000</v>
      </c>
      <c r="D57" s="7">
        <v>1555699</v>
      </c>
      <c r="E57" s="7">
        <v>21746.71</v>
      </c>
      <c r="F57" s="7">
        <v>97588.21</v>
      </c>
      <c r="G57" s="7">
        <v>0</v>
      </c>
      <c r="H57" s="7">
        <v>1458110.79</v>
      </c>
      <c r="I57" s="7">
        <v>21459.52</v>
      </c>
      <c r="J57" s="7">
        <v>67706.740000000005</v>
      </c>
      <c r="K57" s="7">
        <v>0</v>
      </c>
      <c r="L57" s="7">
        <v>1487992.26</v>
      </c>
    </row>
    <row r="58" spans="1:12" x14ac:dyDescent="0.25">
      <c r="A58" s="2" t="s">
        <v>109</v>
      </c>
      <c r="B58" s="4" t="s">
        <v>415</v>
      </c>
      <c r="C58" s="7">
        <v>0</v>
      </c>
      <c r="D58" s="7">
        <v>0</v>
      </c>
      <c r="E58" s="7">
        <v>0</v>
      </c>
      <c r="F58" s="7">
        <v>0</v>
      </c>
      <c r="G58" s="7">
        <v>0</v>
      </c>
      <c r="H58" s="7">
        <v>0</v>
      </c>
      <c r="I58" s="7">
        <v>0</v>
      </c>
      <c r="J58" s="7">
        <v>0</v>
      </c>
      <c r="K58" s="7">
        <v>0</v>
      </c>
      <c r="L58" s="7">
        <v>0</v>
      </c>
    </row>
    <row r="59" spans="1:12" x14ac:dyDescent="0.25">
      <c r="A59" s="2" t="s">
        <v>111</v>
      </c>
      <c r="B59" s="4" t="s">
        <v>391</v>
      </c>
      <c r="C59" s="7">
        <v>1087000</v>
      </c>
      <c r="D59" s="7">
        <v>433183.17</v>
      </c>
      <c r="E59" s="7">
        <v>13000</v>
      </c>
      <c r="F59" s="7">
        <v>125134.8</v>
      </c>
      <c r="G59" s="7">
        <v>0</v>
      </c>
      <c r="H59" s="7">
        <v>308048.37</v>
      </c>
      <c r="I59" s="7">
        <v>23877.06</v>
      </c>
      <c r="J59" s="7">
        <v>94675.01</v>
      </c>
      <c r="K59" s="7">
        <v>0</v>
      </c>
      <c r="L59" s="7">
        <v>338508.16</v>
      </c>
    </row>
    <row r="60" spans="1:12" x14ac:dyDescent="0.25">
      <c r="A60" s="2" t="s">
        <v>113</v>
      </c>
      <c r="B60" s="4" t="s">
        <v>416</v>
      </c>
      <c r="C60" s="7">
        <v>1500100</v>
      </c>
      <c r="D60" s="7">
        <v>1500100</v>
      </c>
      <c r="E60" s="7">
        <v>0</v>
      </c>
      <c r="F60" s="7">
        <v>1316471.8</v>
      </c>
      <c r="G60" s="7">
        <v>0.01</v>
      </c>
      <c r="H60" s="7">
        <v>183628.2</v>
      </c>
      <c r="I60" s="7">
        <v>0</v>
      </c>
      <c r="J60" s="7">
        <v>1316471.8</v>
      </c>
      <c r="K60" s="7">
        <v>0.01</v>
      </c>
      <c r="L60" s="7">
        <v>183628.2</v>
      </c>
    </row>
    <row r="61" spans="1:12" x14ac:dyDescent="0.25">
      <c r="A61" s="2" t="s">
        <v>115</v>
      </c>
      <c r="B61" s="4" t="s">
        <v>405</v>
      </c>
      <c r="C61" s="7">
        <v>410000</v>
      </c>
      <c r="D61" s="7">
        <v>410000</v>
      </c>
      <c r="E61" s="7">
        <v>65327.24</v>
      </c>
      <c r="F61" s="7">
        <v>323840.90000000002</v>
      </c>
      <c r="G61" s="7">
        <v>0</v>
      </c>
      <c r="H61" s="7">
        <v>86159.1</v>
      </c>
      <c r="I61" s="7">
        <v>63860.67</v>
      </c>
      <c r="J61" s="7">
        <v>315971.69</v>
      </c>
      <c r="K61" s="7">
        <v>0</v>
      </c>
      <c r="L61" s="7">
        <v>94028.31</v>
      </c>
    </row>
    <row r="62" spans="1:12" x14ac:dyDescent="0.25">
      <c r="A62" s="3" t="s">
        <v>117</v>
      </c>
      <c r="B62" s="5" t="s">
        <v>417</v>
      </c>
      <c r="C62" s="6">
        <v>26302400</v>
      </c>
      <c r="D62" s="6">
        <v>25423476.690000001</v>
      </c>
      <c r="E62" s="6">
        <v>703265.75</v>
      </c>
      <c r="F62" s="6">
        <v>6725556.54</v>
      </c>
      <c r="G62" s="6">
        <v>0.06</v>
      </c>
      <c r="H62" s="6">
        <v>18697920.149999999</v>
      </c>
      <c r="I62" s="6">
        <v>736655.42</v>
      </c>
      <c r="J62" s="6">
        <v>6659411.29</v>
      </c>
      <c r="K62" s="6">
        <v>0.06</v>
      </c>
      <c r="L62" s="6">
        <v>18764065.399999999</v>
      </c>
    </row>
    <row r="63" spans="1:12" x14ac:dyDescent="0.25">
      <c r="A63" s="2" t="s">
        <v>119</v>
      </c>
      <c r="B63" s="4" t="s">
        <v>383</v>
      </c>
      <c r="C63" s="7">
        <v>9598000</v>
      </c>
      <c r="D63" s="7">
        <v>8693376.6899999995</v>
      </c>
      <c r="E63" s="7">
        <v>693340.97</v>
      </c>
      <c r="F63" s="7">
        <v>4709172.34</v>
      </c>
      <c r="G63" s="7">
        <v>0.04</v>
      </c>
      <c r="H63" s="7">
        <v>3984204.35</v>
      </c>
      <c r="I63" s="7">
        <v>726730.64</v>
      </c>
      <c r="J63" s="7">
        <v>4643027.09</v>
      </c>
      <c r="K63" s="7">
        <v>0.04</v>
      </c>
      <c r="L63" s="7">
        <v>4050349.6</v>
      </c>
    </row>
    <row r="64" spans="1:12" x14ac:dyDescent="0.25">
      <c r="A64" s="2" t="s">
        <v>120</v>
      </c>
      <c r="B64" s="4" t="s">
        <v>418</v>
      </c>
      <c r="C64" s="7">
        <v>16645400</v>
      </c>
      <c r="D64" s="7">
        <v>16671100</v>
      </c>
      <c r="E64" s="7">
        <v>0</v>
      </c>
      <c r="F64" s="7">
        <v>1967279.85</v>
      </c>
      <c r="G64" s="7">
        <v>0.02</v>
      </c>
      <c r="H64" s="7">
        <v>14703820.15</v>
      </c>
      <c r="I64" s="7">
        <v>0</v>
      </c>
      <c r="J64" s="7">
        <v>1967279.85</v>
      </c>
      <c r="K64" s="7">
        <v>0.02</v>
      </c>
      <c r="L64" s="7">
        <v>14703820.15</v>
      </c>
    </row>
    <row r="65" spans="1:12" x14ac:dyDescent="0.25">
      <c r="A65" s="2" t="s">
        <v>121</v>
      </c>
      <c r="B65" s="4" t="s">
        <v>405</v>
      </c>
      <c r="C65" s="7">
        <v>59000</v>
      </c>
      <c r="D65" s="7">
        <v>59000</v>
      </c>
      <c r="E65" s="7">
        <v>9924.7800000000007</v>
      </c>
      <c r="F65" s="7">
        <v>49104.35</v>
      </c>
      <c r="G65" s="7">
        <v>0</v>
      </c>
      <c r="H65" s="7">
        <v>9895.65</v>
      </c>
      <c r="I65" s="7">
        <v>9924.7800000000007</v>
      </c>
      <c r="J65" s="7">
        <v>49104.35</v>
      </c>
      <c r="K65" s="7">
        <v>0</v>
      </c>
      <c r="L65" s="7">
        <v>9895.65</v>
      </c>
    </row>
    <row r="66" spans="1:12" x14ac:dyDescent="0.25">
      <c r="A66" s="3" t="s">
        <v>122</v>
      </c>
      <c r="B66" s="5" t="s">
        <v>419</v>
      </c>
      <c r="C66" s="6">
        <v>2044309500</v>
      </c>
      <c r="D66" s="6">
        <v>1819735199.1099999</v>
      </c>
      <c r="E66" s="6">
        <v>365524290.67000002</v>
      </c>
      <c r="F66" s="6">
        <v>1427456779.3699999</v>
      </c>
      <c r="G66" s="6">
        <v>11.01</v>
      </c>
      <c r="H66" s="6">
        <v>392278419.74000001</v>
      </c>
      <c r="I66" s="6">
        <v>372959858.50999999</v>
      </c>
      <c r="J66" s="6">
        <v>1389163437.1199999</v>
      </c>
      <c r="K66" s="6">
        <v>11.52</v>
      </c>
      <c r="L66" s="6">
        <v>430571761.99000001</v>
      </c>
    </row>
    <row r="67" spans="1:12" x14ac:dyDescent="0.25">
      <c r="A67" s="2" t="s">
        <v>123</v>
      </c>
      <c r="B67" s="4" t="s">
        <v>383</v>
      </c>
      <c r="C67" s="7">
        <v>1745388600</v>
      </c>
      <c r="D67" s="7">
        <v>1501047349.1099999</v>
      </c>
      <c r="E67" s="7">
        <v>343954363.47000003</v>
      </c>
      <c r="F67" s="7">
        <v>1264659116.51</v>
      </c>
      <c r="G67" s="7">
        <v>9.76</v>
      </c>
      <c r="H67" s="7">
        <v>236388232.59999999</v>
      </c>
      <c r="I67" s="7">
        <v>346019713.12</v>
      </c>
      <c r="J67" s="7">
        <v>1254094425.6900001</v>
      </c>
      <c r="K67" s="7">
        <v>10.4</v>
      </c>
      <c r="L67" s="7">
        <v>246952923.41999999</v>
      </c>
    </row>
    <row r="68" spans="1:12" x14ac:dyDescent="0.25">
      <c r="A68" s="2" t="s">
        <v>124</v>
      </c>
      <c r="B68" s="4" t="s">
        <v>420</v>
      </c>
      <c r="C68" s="7">
        <v>19435000</v>
      </c>
      <c r="D68" s="7">
        <v>19185000</v>
      </c>
      <c r="E68" s="7">
        <v>0</v>
      </c>
      <c r="F68" s="7">
        <v>247947.78</v>
      </c>
      <c r="G68" s="7">
        <v>0</v>
      </c>
      <c r="H68" s="7">
        <v>18937052.219999999</v>
      </c>
      <c r="I68" s="7">
        <v>0</v>
      </c>
      <c r="J68" s="7">
        <v>247947.78</v>
      </c>
      <c r="K68" s="7">
        <v>0</v>
      </c>
      <c r="L68" s="7">
        <v>18937052.219999999</v>
      </c>
    </row>
    <row r="69" spans="1:12" x14ac:dyDescent="0.25">
      <c r="A69" s="2" t="s">
        <v>125</v>
      </c>
      <c r="B69" s="4" t="s">
        <v>421</v>
      </c>
      <c r="C69" s="7">
        <v>17533000</v>
      </c>
      <c r="D69" s="7">
        <v>17083000</v>
      </c>
      <c r="E69" s="7">
        <v>0</v>
      </c>
      <c r="F69" s="7">
        <v>8639106</v>
      </c>
      <c r="G69" s="7">
        <v>7.0000000000000007E-2</v>
      </c>
      <c r="H69" s="7">
        <v>8443894</v>
      </c>
      <c r="I69" s="7">
        <v>2887480</v>
      </c>
      <c r="J69" s="7">
        <v>4975784</v>
      </c>
      <c r="K69" s="7">
        <v>0.04</v>
      </c>
      <c r="L69" s="7">
        <v>12107216</v>
      </c>
    </row>
    <row r="70" spans="1:12" x14ac:dyDescent="0.25">
      <c r="A70" s="2" t="s">
        <v>126</v>
      </c>
      <c r="B70" s="4" t="s">
        <v>415</v>
      </c>
      <c r="C70" s="7">
        <v>14339000</v>
      </c>
      <c r="D70" s="7">
        <v>20539000</v>
      </c>
      <c r="E70" s="7">
        <v>1324362.47</v>
      </c>
      <c r="F70" s="7">
        <v>12315153</v>
      </c>
      <c r="G70" s="7">
        <v>0.1</v>
      </c>
      <c r="H70" s="7">
        <v>8223847</v>
      </c>
      <c r="I70" s="7">
        <v>1667736.77</v>
      </c>
      <c r="J70" s="7">
        <v>11013252.24</v>
      </c>
      <c r="K70" s="7">
        <v>0.09</v>
      </c>
      <c r="L70" s="7">
        <v>9525747.7599999998</v>
      </c>
    </row>
    <row r="71" spans="1:12" x14ac:dyDescent="0.25">
      <c r="A71" s="2" t="s">
        <v>127</v>
      </c>
      <c r="B71" s="4" t="s">
        <v>404</v>
      </c>
      <c r="C71" s="7">
        <v>27461500</v>
      </c>
      <c r="D71" s="7">
        <v>27425850</v>
      </c>
      <c r="E71" s="7">
        <v>2093762.66</v>
      </c>
      <c r="F71" s="7">
        <v>6667671.3799999999</v>
      </c>
      <c r="G71" s="7">
        <v>0.05</v>
      </c>
      <c r="H71" s="7">
        <v>20758178.620000001</v>
      </c>
      <c r="I71" s="7">
        <v>1165363.18</v>
      </c>
      <c r="J71" s="7">
        <v>5422146.5300000003</v>
      </c>
      <c r="K71" s="7">
        <v>0.04</v>
      </c>
      <c r="L71" s="7">
        <v>22003703.469999999</v>
      </c>
    </row>
    <row r="72" spans="1:12" x14ac:dyDescent="0.25">
      <c r="A72" s="2" t="s">
        <v>129</v>
      </c>
      <c r="B72" s="4" t="s">
        <v>422</v>
      </c>
      <c r="C72" s="7">
        <v>750000</v>
      </c>
      <c r="D72" s="7">
        <v>500000</v>
      </c>
      <c r="E72" s="7">
        <v>0</v>
      </c>
      <c r="F72" s="7">
        <v>0</v>
      </c>
      <c r="G72" s="7">
        <v>0</v>
      </c>
      <c r="H72" s="7">
        <v>500000</v>
      </c>
      <c r="I72" s="7">
        <v>0</v>
      </c>
      <c r="J72" s="7">
        <v>0</v>
      </c>
      <c r="K72" s="7">
        <v>0</v>
      </c>
      <c r="L72" s="7">
        <v>500000</v>
      </c>
    </row>
    <row r="73" spans="1:12" x14ac:dyDescent="0.25">
      <c r="A73" s="2" t="s">
        <v>131</v>
      </c>
      <c r="B73" s="4" t="s">
        <v>423</v>
      </c>
      <c r="C73" s="7">
        <v>6000000</v>
      </c>
      <c r="D73" s="7">
        <v>4200000</v>
      </c>
      <c r="E73" s="7">
        <v>232654.99</v>
      </c>
      <c r="F73" s="7">
        <v>622216.36</v>
      </c>
      <c r="G73" s="7">
        <v>0</v>
      </c>
      <c r="H73" s="7">
        <v>3577783.64</v>
      </c>
      <c r="I73" s="7">
        <v>242923.33</v>
      </c>
      <c r="J73" s="7">
        <v>591204.46</v>
      </c>
      <c r="K73" s="7">
        <v>0</v>
      </c>
      <c r="L73" s="7">
        <v>3608795.54</v>
      </c>
    </row>
    <row r="74" spans="1:12" x14ac:dyDescent="0.25">
      <c r="A74" s="2" t="s">
        <v>133</v>
      </c>
      <c r="B74" s="4" t="s">
        <v>424</v>
      </c>
      <c r="C74" s="7">
        <v>21462800</v>
      </c>
      <c r="D74" s="7">
        <v>17052800</v>
      </c>
      <c r="E74" s="7">
        <v>27186.38</v>
      </c>
      <c r="F74" s="7">
        <v>5523312.7699999996</v>
      </c>
      <c r="G74" s="7">
        <v>0.04</v>
      </c>
      <c r="H74" s="7">
        <v>11529487.23</v>
      </c>
      <c r="I74" s="7">
        <v>1768614.83</v>
      </c>
      <c r="J74" s="7">
        <v>5448991.1100000003</v>
      </c>
      <c r="K74" s="7">
        <v>0.05</v>
      </c>
      <c r="L74" s="7">
        <v>11603808.890000001</v>
      </c>
    </row>
    <row r="75" spans="1:12" x14ac:dyDescent="0.25">
      <c r="A75" s="2" t="s">
        <v>135</v>
      </c>
      <c r="B75" s="4" t="s">
        <v>425</v>
      </c>
      <c r="C75" s="7">
        <v>176297600</v>
      </c>
      <c r="D75" s="7">
        <v>196897600</v>
      </c>
      <c r="E75" s="7">
        <v>16005618.060000001</v>
      </c>
      <c r="F75" s="7">
        <v>119945888.04000001</v>
      </c>
      <c r="G75" s="7">
        <v>0.93</v>
      </c>
      <c r="H75" s="7">
        <v>76951711.959999993</v>
      </c>
      <c r="I75" s="7">
        <v>17238402.66</v>
      </c>
      <c r="J75" s="7">
        <v>98619029.269999996</v>
      </c>
      <c r="K75" s="7">
        <v>0.82</v>
      </c>
      <c r="L75" s="7">
        <v>98278570.730000004</v>
      </c>
    </row>
    <row r="76" spans="1:12" x14ac:dyDescent="0.25">
      <c r="A76" s="2" t="s">
        <v>137</v>
      </c>
      <c r="B76" s="4" t="s">
        <v>426</v>
      </c>
      <c r="C76" s="7">
        <v>6230000</v>
      </c>
      <c r="D76" s="7">
        <v>6048600</v>
      </c>
      <c r="E76" s="7">
        <v>493380.53</v>
      </c>
      <c r="F76" s="7">
        <v>3124830.06</v>
      </c>
      <c r="G76" s="7">
        <v>0.02</v>
      </c>
      <c r="H76" s="7">
        <v>2923769.94</v>
      </c>
      <c r="I76" s="7">
        <v>576662.51</v>
      </c>
      <c r="J76" s="7">
        <v>3039118.57</v>
      </c>
      <c r="K76" s="7">
        <v>0.03</v>
      </c>
      <c r="L76" s="7">
        <v>3009481.43</v>
      </c>
    </row>
    <row r="77" spans="1:12" x14ac:dyDescent="0.25">
      <c r="A77" s="2" t="s">
        <v>139</v>
      </c>
      <c r="B77" s="4" t="s">
        <v>427</v>
      </c>
      <c r="C77" s="7">
        <v>0</v>
      </c>
      <c r="D77" s="7">
        <v>0</v>
      </c>
      <c r="E77" s="7">
        <v>0</v>
      </c>
      <c r="F77" s="7">
        <v>0</v>
      </c>
      <c r="G77" s="7">
        <v>0</v>
      </c>
      <c r="H77" s="7">
        <v>0</v>
      </c>
      <c r="I77" s="7">
        <v>0</v>
      </c>
      <c r="J77" s="7">
        <v>0</v>
      </c>
      <c r="K77" s="7">
        <v>0</v>
      </c>
      <c r="L77" s="7">
        <v>0</v>
      </c>
    </row>
    <row r="78" spans="1:12" x14ac:dyDescent="0.25">
      <c r="A78" s="2" t="s">
        <v>141</v>
      </c>
      <c r="B78" s="4" t="s">
        <v>405</v>
      </c>
      <c r="C78" s="7">
        <v>9412000</v>
      </c>
      <c r="D78" s="7">
        <v>9756000</v>
      </c>
      <c r="E78" s="7">
        <v>1392962.11</v>
      </c>
      <c r="F78" s="7">
        <v>5711537.4699999997</v>
      </c>
      <c r="G78" s="7">
        <v>0.04</v>
      </c>
      <c r="H78" s="7">
        <v>4044462.53</v>
      </c>
      <c r="I78" s="7">
        <v>1392962.11</v>
      </c>
      <c r="J78" s="7">
        <v>5711537.4699999997</v>
      </c>
      <c r="K78" s="7">
        <v>0.05</v>
      </c>
      <c r="L78" s="7">
        <v>4044462.53</v>
      </c>
    </row>
    <row r="79" spans="1:12" x14ac:dyDescent="0.25">
      <c r="A79" s="3" t="s">
        <v>143</v>
      </c>
      <c r="B79" s="5" t="s">
        <v>428</v>
      </c>
      <c r="C79" s="6">
        <v>43826400</v>
      </c>
      <c r="D79" s="6">
        <v>66164310.689999998</v>
      </c>
      <c r="E79" s="6">
        <v>9816949.6199999992</v>
      </c>
      <c r="F79" s="6">
        <v>32333863.59</v>
      </c>
      <c r="G79" s="6">
        <v>0.25</v>
      </c>
      <c r="H79" s="6">
        <v>33830447.100000001</v>
      </c>
      <c r="I79" s="6">
        <v>7136725.71</v>
      </c>
      <c r="J79" s="6">
        <v>27576563.829999998</v>
      </c>
      <c r="K79" s="6">
        <v>0.23</v>
      </c>
      <c r="L79" s="6">
        <v>38587746.859999999</v>
      </c>
    </row>
    <row r="80" spans="1:12" x14ac:dyDescent="0.25">
      <c r="A80" s="2" t="s">
        <v>145</v>
      </c>
      <c r="B80" s="4" t="s">
        <v>429</v>
      </c>
      <c r="C80" s="7">
        <v>43815300</v>
      </c>
      <c r="D80" s="7">
        <v>66153100.689999998</v>
      </c>
      <c r="E80" s="7">
        <v>9816497.6600000001</v>
      </c>
      <c r="F80" s="7">
        <v>32326045.68</v>
      </c>
      <c r="G80" s="7">
        <v>0.25</v>
      </c>
      <c r="H80" s="7">
        <v>33827055.009999998</v>
      </c>
      <c r="I80" s="7">
        <v>7136273.75</v>
      </c>
      <c r="J80" s="7">
        <v>27568745.920000002</v>
      </c>
      <c r="K80" s="7">
        <v>0.23</v>
      </c>
      <c r="L80" s="7">
        <v>38584354.770000003</v>
      </c>
    </row>
    <row r="81" spans="1:12" x14ac:dyDescent="0.25">
      <c r="A81" s="2" t="s">
        <v>147</v>
      </c>
      <c r="B81" s="4" t="s">
        <v>387</v>
      </c>
      <c r="C81" s="7">
        <v>11100</v>
      </c>
      <c r="D81" s="7">
        <v>11210</v>
      </c>
      <c r="E81" s="7">
        <v>451.96</v>
      </c>
      <c r="F81" s="7">
        <v>7817.91</v>
      </c>
      <c r="G81" s="7">
        <v>0</v>
      </c>
      <c r="H81" s="7">
        <v>3392.09</v>
      </c>
      <c r="I81" s="7">
        <v>451.96</v>
      </c>
      <c r="J81" s="7">
        <v>7817.91</v>
      </c>
      <c r="K81" s="7">
        <v>0</v>
      </c>
      <c r="L81" s="7">
        <v>3392.09</v>
      </c>
    </row>
    <row r="82" spans="1:12" x14ac:dyDescent="0.25">
      <c r="A82" s="3" t="s">
        <v>149</v>
      </c>
      <c r="B82" s="5" t="s">
        <v>430</v>
      </c>
      <c r="C82" s="6">
        <v>245087400</v>
      </c>
      <c r="D82" s="6">
        <v>270225205</v>
      </c>
      <c r="E82" s="6">
        <v>37842796.25</v>
      </c>
      <c r="F82" s="6">
        <v>203056123.47</v>
      </c>
      <c r="G82" s="6">
        <v>1.56</v>
      </c>
      <c r="H82" s="6">
        <v>67169081.530000001</v>
      </c>
      <c r="I82" s="6">
        <v>37577705.579999998</v>
      </c>
      <c r="J82" s="6">
        <v>199045953.47</v>
      </c>
      <c r="K82" s="6">
        <v>1.65</v>
      </c>
      <c r="L82" s="6">
        <v>71179251.530000001</v>
      </c>
    </row>
    <row r="83" spans="1:12" x14ac:dyDescent="0.25">
      <c r="A83" s="2" t="s">
        <v>151</v>
      </c>
      <c r="B83" s="4" t="s">
        <v>431</v>
      </c>
      <c r="C83" s="7">
        <v>9434500</v>
      </c>
      <c r="D83" s="7">
        <v>9377500</v>
      </c>
      <c r="E83" s="7">
        <v>1272630.32</v>
      </c>
      <c r="F83" s="7">
        <v>7093001.5</v>
      </c>
      <c r="G83" s="7">
        <v>0.05</v>
      </c>
      <c r="H83" s="7">
        <v>2284498.5</v>
      </c>
      <c r="I83" s="7">
        <v>1282215.29</v>
      </c>
      <c r="J83" s="7">
        <v>7006452.8300000001</v>
      </c>
      <c r="K83" s="7">
        <v>0.06</v>
      </c>
      <c r="L83" s="7">
        <v>2371047.17</v>
      </c>
    </row>
    <row r="84" spans="1:12" x14ac:dyDescent="0.25">
      <c r="A84" s="2" t="s">
        <v>152</v>
      </c>
      <c r="B84" s="4" t="s">
        <v>432</v>
      </c>
      <c r="C84" s="7">
        <v>228461600</v>
      </c>
      <c r="D84" s="7">
        <v>254309705</v>
      </c>
      <c r="E84" s="7">
        <v>36516576.380000003</v>
      </c>
      <c r="F84" s="7">
        <v>194131092.61000001</v>
      </c>
      <c r="G84" s="7">
        <v>1.5</v>
      </c>
      <c r="H84" s="7">
        <v>60178612.390000001</v>
      </c>
      <c r="I84" s="7">
        <v>35907142.18</v>
      </c>
      <c r="J84" s="7">
        <v>190488336.46000001</v>
      </c>
      <c r="K84" s="7">
        <v>1.58</v>
      </c>
      <c r="L84" s="7">
        <v>63821368.539999999</v>
      </c>
    </row>
    <row r="85" spans="1:12" x14ac:dyDescent="0.25">
      <c r="A85" s="2" t="s">
        <v>153</v>
      </c>
      <c r="B85" s="4" t="s">
        <v>391</v>
      </c>
      <c r="C85" s="7">
        <v>6691300</v>
      </c>
      <c r="D85" s="7">
        <v>6038000</v>
      </c>
      <c r="E85" s="7">
        <v>53589.55</v>
      </c>
      <c r="F85" s="7">
        <v>1832029.36</v>
      </c>
      <c r="G85" s="7">
        <v>0.01</v>
      </c>
      <c r="H85" s="7">
        <v>4205970.6399999997</v>
      </c>
      <c r="I85" s="7">
        <v>388348.11</v>
      </c>
      <c r="J85" s="7">
        <v>1551164.18</v>
      </c>
      <c r="K85" s="7">
        <v>0.01</v>
      </c>
      <c r="L85" s="7">
        <v>4486835.82</v>
      </c>
    </row>
    <row r="86" spans="1:12" x14ac:dyDescent="0.25">
      <c r="A86" s="2" t="s">
        <v>155</v>
      </c>
      <c r="B86" s="4" t="s">
        <v>433</v>
      </c>
      <c r="C86" s="7">
        <v>500000</v>
      </c>
      <c r="D86" s="7">
        <v>500000</v>
      </c>
      <c r="E86" s="7">
        <v>0</v>
      </c>
      <c r="F86" s="7">
        <v>0</v>
      </c>
      <c r="G86" s="7">
        <v>0</v>
      </c>
      <c r="H86" s="7">
        <v>500000</v>
      </c>
      <c r="I86" s="7">
        <v>0</v>
      </c>
      <c r="J86" s="7">
        <v>0</v>
      </c>
      <c r="K86" s="7">
        <v>0</v>
      </c>
      <c r="L86" s="7">
        <v>500000</v>
      </c>
    </row>
    <row r="87" spans="1:12" x14ac:dyDescent="0.25">
      <c r="A87" s="3" t="s">
        <v>157</v>
      </c>
      <c r="B87" s="5" t="s">
        <v>434</v>
      </c>
      <c r="C87" s="6">
        <v>63527300</v>
      </c>
      <c r="D87" s="6">
        <v>54408549</v>
      </c>
      <c r="E87" s="6">
        <v>5175250.8099999996</v>
      </c>
      <c r="F87" s="6">
        <v>23115586.059999999</v>
      </c>
      <c r="G87" s="6">
        <v>0.18</v>
      </c>
      <c r="H87" s="6">
        <v>31292962.940000001</v>
      </c>
      <c r="I87" s="6">
        <v>2055814.75</v>
      </c>
      <c r="J87" s="6">
        <v>4381236.21</v>
      </c>
      <c r="K87" s="6">
        <v>0.04</v>
      </c>
      <c r="L87" s="6">
        <v>50027312.789999999</v>
      </c>
    </row>
    <row r="88" spans="1:12" x14ac:dyDescent="0.25">
      <c r="A88" s="2" t="s">
        <v>159</v>
      </c>
      <c r="B88" s="4" t="s">
        <v>435</v>
      </c>
      <c r="C88" s="7">
        <v>63527300</v>
      </c>
      <c r="D88" s="7">
        <v>54408549</v>
      </c>
      <c r="E88" s="7">
        <v>5175250.8099999996</v>
      </c>
      <c r="F88" s="7">
        <v>23115586.059999999</v>
      </c>
      <c r="G88" s="7">
        <v>0.18</v>
      </c>
      <c r="H88" s="7">
        <v>31292962.940000001</v>
      </c>
      <c r="I88" s="7">
        <v>2055814.75</v>
      </c>
      <c r="J88" s="7">
        <v>4381236.21</v>
      </c>
      <c r="K88" s="7">
        <v>0.04</v>
      </c>
      <c r="L88" s="7">
        <v>50027312.789999999</v>
      </c>
    </row>
    <row r="89" spans="1:12" x14ac:dyDescent="0.25">
      <c r="A89" s="3" t="s">
        <v>161</v>
      </c>
      <c r="B89" s="5" t="s">
        <v>436</v>
      </c>
      <c r="C89" s="6">
        <v>21334100</v>
      </c>
      <c r="D89" s="6">
        <v>75556168</v>
      </c>
      <c r="E89" s="6">
        <v>8649436.6799999997</v>
      </c>
      <c r="F89" s="6">
        <v>58770266.329999998</v>
      </c>
      <c r="G89" s="6">
        <v>0.45</v>
      </c>
      <c r="H89" s="6">
        <v>16785901.670000002</v>
      </c>
      <c r="I89" s="6">
        <v>11144459.199999999</v>
      </c>
      <c r="J89" s="6">
        <v>43239601.859999999</v>
      </c>
      <c r="K89" s="6">
        <v>0.36</v>
      </c>
      <c r="L89" s="6">
        <v>32316566.140000001</v>
      </c>
    </row>
    <row r="90" spans="1:12" x14ac:dyDescent="0.25">
      <c r="A90" s="2" t="s">
        <v>163</v>
      </c>
      <c r="B90" s="4" t="s">
        <v>383</v>
      </c>
      <c r="C90" s="7">
        <v>10158600</v>
      </c>
      <c r="D90" s="7">
        <v>11527830</v>
      </c>
      <c r="E90" s="7">
        <v>1202488.04</v>
      </c>
      <c r="F90" s="7">
        <v>8054222.4900000002</v>
      </c>
      <c r="G90" s="7">
        <v>0.06</v>
      </c>
      <c r="H90" s="7">
        <v>3473607.51</v>
      </c>
      <c r="I90" s="7">
        <v>1268639.21</v>
      </c>
      <c r="J90" s="7">
        <v>7992561.5099999998</v>
      </c>
      <c r="K90" s="7">
        <v>7.0000000000000007E-2</v>
      </c>
      <c r="L90" s="7">
        <v>3535268.49</v>
      </c>
    </row>
    <row r="91" spans="1:12" x14ac:dyDescent="0.25">
      <c r="A91" s="2" t="s">
        <v>176</v>
      </c>
      <c r="B91" s="4" t="s">
        <v>393</v>
      </c>
      <c r="C91" s="7">
        <v>1000</v>
      </c>
      <c r="D91" s="7">
        <v>1000</v>
      </c>
      <c r="E91" s="7">
        <v>0</v>
      </c>
      <c r="F91" s="7">
        <v>0</v>
      </c>
      <c r="G91" s="7">
        <v>0</v>
      </c>
      <c r="H91" s="7">
        <v>1000</v>
      </c>
      <c r="I91" s="7">
        <v>0</v>
      </c>
      <c r="J91" s="7">
        <v>0</v>
      </c>
      <c r="K91" s="7">
        <v>0</v>
      </c>
      <c r="L91" s="7">
        <v>1000</v>
      </c>
    </row>
    <row r="92" spans="1:12" x14ac:dyDescent="0.25">
      <c r="A92" s="2" t="s">
        <v>178</v>
      </c>
      <c r="B92" s="4" t="s">
        <v>437</v>
      </c>
      <c r="C92" s="7">
        <v>11174500</v>
      </c>
      <c r="D92" s="7">
        <v>64027338</v>
      </c>
      <c r="E92" s="7">
        <v>7446948.6399999997</v>
      </c>
      <c r="F92" s="7">
        <v>50716043.840000004</v>
      </c>
      <c r="G92" s="7">
        <v>0.39</v>
      </c>
      <c r="H92" s="7">
        <v>13311294.16</v>
      </c>
      <c r="I92" s="7">
        <v>9875819.9900000002</v>
      </c>
      <c r="J92" s="7">
        <v>35247040.350000001</v>
      </c>
      <c r="K92" s="7">
        <v>0.28999999999999998</v>
      </c>
      <c r="L92" s="7">
        <v>28780297.649999999</v>
      </c>
    </row>
    <row r="93" spans="1:12" x14ac:dyDescent="0.25">
      <c r="A93" s="3" t="s">
        <v>180</v>
      </c>
      <c r="B93" s="5" t="s">
        <v>438</v>
      </c>
      <c r="C93" s="6">
        <v>76898200</v>
      </c>
      <c r="D93" s="6">
        <v>99946293</v>
      </c>
      <c r="E93" s="6">
        <v>3239512.08</v>
      </c>
      <c r="F93" s="6">
        <v>66163247.950000003</v>
      </c>
      <c r="G93" s="6">
        <v>0.51</v>
      </c>
      <c r="H93" s="6">
        <v>33783045.049999997</v>
      </c>
      <c r="I93" s="6">
        <v>3629043.19</v>
      </c>
      <c r="J93" s="6">
        <v>20028870.510000002</v>
      </c>
      <c r="K93" s="6">
        <v>0.17</v>
      </c>
      <c r="L93" s="6">
        <v>79917422.489999995</v>
      </c>
    </row>
    <row r="94" spans="1:12" x14ac:dyDescent="0.25">
      <c r="A94" s="2" t="s">
        <v>182</v>
      </c>
      <c r="B94" s="4" t="s">
        <v>439</v>
      </c>
      <c r="C94" s="7">
        <v>76898200</v>
      </c>
      <c r="D94" s="7">
        <v>99946293</v>
      </c>
      <c r="E94" s="7">
        <v>3239512.08</v>
      </c>
      <c r="F94" s="7">
        <v>66163247.950000003</v>
      </c>
      <c r="G94" s="7">
        <v>0.51</v>
      </c>
      <c r="H94" s="7">
        <v>33783045.049999997</v>
      </c>
      <c r="I94" s="7">
        <v>3629043.19</v>
      </c>
      <c r="J94" s="7">
        <v>20028870.510000002</v>
      </c>
      <c r="K94" s="7">
        <v>0.17</v>
      </c>
      <c r="L94" s="7">
        <v>79917422.489999995</v>
      </c>
    </row>
    <row r="95" spans="1:12" x14ac:dyDescent="0.25">
      <c r="A95" s="3" t="s">
        <v>184</v>
      </c>
      <c r="B95" s="5" t="s">
        <v>440</v>
      </c>
      <c r="C95" s="6">
        <v>91319100</v>
      </c>
      <c r="D95" s="6">
        <v>88981008.480000004</v>
      </c>
      <c r="E95" s="6">
        <v>5031432.91</v>
      </c>
      <c r="F95" s="6">
        <v>29056632.93</v>
      </c>
      <c r="G95" s="6">
        <v>0.23</v>
      </c>
      <c r="H95" s="6">
        <v>59924375.549999997</v>
      </c>
      <c r="I95" s="6">
        <v>4962442.83</v>
      </c>
      <c r="J95" s="6">
        <v>27147773.059999999</v>
      </c>
      <c r="K95" s="6">
        <v>0.22</v>
      </c>
      <c r="L95" s="6">
        <v>61833235.420000002</v>
      </c>
    </row>
    <row r="96" spans="1:12" x14ac:dyDescent="0.25">
      <c r="A96" s="2" t="s">
        <v>186</v>
      </c>
      <c r="B96" s="4" t="s">
        <v>383</v>
      </c>
      <c r="C96" s="7">
        <v>40032200</v>
      </c>
      <c r="D96" s="7">
        <v>36393608.479999997</v>
      </c>
      <c r="E96" s="7">
        <v>3976275.59</v>
      </c>
      <c r="F96" s="7">
        <v>20487561.149999999</v>
      </c>
      <c r="G96" s="7">
        <v>0.16</v>
      </c>
      <c r="H96" s="7">
        <v>15906047.33</v>
      </c>
      <c r="I96" s="7">
        <v>4030279.6</v>
      </c>
      <c r="J96" s="7">
        <v>20355541.57</v>
      </c>
      <c r="K96" s="7">
        <v>0.17</v>
      </c>
      <c r="L96" s="7">
        <v>16038066.91</v>
      </c>
    </row>
    <row r="97" spans="1:12" x14ac:dyDescent="0.25">
      <c r="A97" s="2" t="s">
        <v>188</v>
      </c>
      <c r="B97" s="4" t="s">
        <v>441</v>
      </c>
      <c r="C97" s="7">
        <v>33745000</v>
      </c>
      <c r="D97" s="7">
        <v>33995000</v>
      </c>
      <c r="E97" s="7">
        <v>691771.31</v>
      </c>
      <c r="F97" s="7">
        <v>4715781.8099999996</v>
      </c>
      <c r="G97" s="7">
        <v>0.04</v>
      </c>
      <c r="H97" s="7">
        <v>29279218.190000001</v>
      </c>
      <c r="I97" s="7">
        <v>607051.96</v>
      </c>
      <c r="J97" s="7">
        <v>3724795.73</v>
      </c>
      <c r="K97" s="7">
        <v>0.03</v>
      </c>
      <c r="L97" s="7">
        <v>30270204.27</v>
      </c>
    </row>
    <row r="98" spans="1:12" x14ac:dyDescent="0.25">
      <c r="A98" s="2" t="s">
        <v>190</v>
      </c>
      <c r="B98" s="4" t="s">
        <v>442</v>
      </c>
      <c r="C98" s="7">
        <v>16241900</v>
      </c>
      <c r="D98" s="7">
        <v>17042400</v>
      </c>
      <c r="E98" s="7">
        <v>258357.25</v>
      </c>
      <c r="F98" s="7">
        <v>3579165.02</v>
      </c>
      <c r="G98" s="7">
        <v>0.03</v>
      </c>
      <c r="H98" s="7">
        <v>13463234.98</v>
      </c>
      <c r="I98" s="7">
        <v>215100.3</v>
      </c>
      <c r="J98" s="7">
        <v>2795699.4</v>
      </c>
      <c r="K98" s="7">
        <v>0.02</v>
      </c>
      <c r="L98" s="7">
        <v>14246700.6</v>
      </c>
    </row>
    <row r="99" spans="1:12" x14ac:dyDescent="0.25">
      <c r="A99" s="2" t="s">
        <v>192</v>
      </c>
      <c r="B99" s="4" t="s">
        <v>443</v>
      </c>
      <c r="C99" s="7">
        <v>1200000</v>
      </c>
      <c r="D99" s="7">
        <v>1450000</v>
      </c>
      <c r="E99" s="7">
        <v>105028.76</v>
      </c>
      <c r="F99" s="7">
        <v>274124.95</v>
      </c>
      <c r="G99" s="7">
        <v>0</v>
      </c>
      <c r="H99" s="7">
        <v>1175875.05</v>
      </c>
      <c r="I99" s="7">
        <v>110010.97</v>
      </c>
      <c r="J99" s="7">
        <v>271736.36</v>
      </c>
      <c r="K99" s="7">
        <v>0</v>
      </c>
      <c r="L99" s="7">
        <v>1178263.6399999999</v>
      </c>
    </row>
    <row r="100" spans="1:12" x14ac:dyDescent="0.25">
      <c r="A100" s="2" t="s">
        <v>194</v>
      </c>
      <c r="B100" s="4" t="s">
        <v>444</v>
      </c>
      <c r="C100" s="7">
        <v>100000</v>
      </c>
      <c r="D100" s="7">
        <v>100000</v>
      </c>
      <c r="E100" s="7">
        <v>0</v>
      </c>
      <c r="F100" s="7">
        <v>0</v>
      </c>
      <c r="G100" s="7">
        <v>0</v>
      </c>
      <c r="H100" s="7">
        <v>100000</v>
      </c>
      <c r="I100" s="7">
        <v>0</v>
      </c>
      <c r="J100" s="7">
        <v>0</v>
      </c>
      <c r="K100" s="7">
        <v>0</v>
      </c>
      <c r="L100" s="7">
        <v>100000</v>
      </c>
    </row>
    <row r="101" spans="1:12" x14ac:dyDescent="0.25">
      <c r="A101" s="3" t="s">
        <v>196</v>
      </c>
      <c r="B101" s="5" t="s">
        <v>445</v>
      </c>
      <c r="C101" s="6">
        <v>40499600</v>
      </c>
      <c r="D101" s="6">
        <v>41449600</v>
      </c>
      <c r="E101" s="6">
        <v>754106.32</v>
      </c>
      <c r="F101" s="6">
        <v>7676858.5099999998</v>
      </c>
      <c r="G101" s="6">
        <v>0.06</v>
      </c>
      <c r="H101" s="6">
        <v>33772741.490000002</v>
      </c>
      <c r="I101" s="6">
        <v>774051.11</v>
      </c>
      <c r="J101" s="6">
        <v>6366001.1399999997</v>
      </c>
      <c r="K101" s="6">
        <v>0.05</v>
      </c>
      <c r="L101" s="6">
        <v>35083598.859999999</v>
      </c>
    </row>
    <row r="102" spans="1:12" x14ac:dyDescent="0.25">
      <c r="A102" s="2" t="s">
        <v>198</v>
      </c>
      <c r="B102" s="4" t="s">
        <v>384</v>
      </c>
      <c r="C102" s="7">
        <v>1100100</v>
      </c>
      <c r="D102" s="7">
        <v>1100100</v>
      </c>
      <c r="E102" s="7">
        <v>0</v>
      </c>
      <c r="F102" s="7">
        <v>0</v>
      </c>
      <c r="G102" s="7">
        <v>0</v>
      </c>
      <c r="H102" s="7">
        <v>1100100</v>
      </c>
      <c r="I102" s="7">
        <v>0</v>
      </c>
      <c r="J102" s="7">
        <v>0</v>
      </c>
      <c r="K102" s="7">
        <v>0</v>
      </c>
      <c r="L102" s="7">
        <v>1100100</v>
      </c>
    </row>
    <row r="103" spans="1:12" x14ac:dyDescent="0.25">
      <c r="A103" s="2" t="s">
        <v>200</v>
      </c>
      <c r="B103" s="4" t="s">
        <v>426</v>
      </c>
      <c r="C103" s="7">
        <v>33773200</v>
      </c>
      <c r="D103" s="7">
        <v>33773200</v>
      </c>
      <c r="E103" s="7">
        <v>705174.69</v>
      </c>
      <c r="F103" s="7">
        <v>6616025.8200000003</v>
      </c>
      <c r="G103" s="7">
        <v>0.05</v>
      </c>
      <c r="H103" s="7">
        <v>27157174.18</v>
      </c>
      <c r="I103" s="7">
        <v>695675.54</v>
      </c>
      <c r="J103" s="7">
        <v>6096194.6900000004</v>
      </c>
      <c r="K103" s="7">
        <v>0.05</v>
      </c>
      <c r="L103" s="7">
        <v>27677005.309999999</v>
      </c>
    </row>
    <row r="104" spans="1:12" x14ac:dyDescent="0.25">
      <c r="A104" s="2" t="s">
        <v>202</v>
      </c>
      <c r="B104" s="4" t="s">
        <v>427</v>
      </c>
      <c r="C104" s="7">
        <v>5626300</v>
      </c>
      <c r="D104" s="7">
        <v>6576300</v>
      </c>
      <c r="E104" s="7">
        <v>48931.63</v>
      </c>
      <c r="F104" s="7">
        <v>1060832.69</v>
      </c>
      <c r="G104" s="7">
        <v>0.01</v>
      </c>
      <c r="H104" s="7">
        <v>5515467.3099999996</v>
      </c>
      <c r="I104" s="7">
        <v>78375.570000000007</v>
      </c>
      <c r="J104" s="7">
        <v>269806.45</v>
      </c>
      <c r="K104" s="7">
        <v>0</v>
      </c>
      <c r="L104" s="7">
        <v>6306493.5499999998</v>
      </c>
    </row>
    <row r="105" spans="1:12" x14ac:dyDescent="0.25">
      <c r="A105" s="3" t="s">
        <v>204</v>
      </c>
      <c r="B105" s="5" t="s">
        <v>446</v>
      </c>
      <c r="C105" s="6">
        <v>199591800</v>
      </c>
      <c r="D105" s="6">
        <v>197705545</v>
      </c>
      <c r="E105" s="6">
        <v>19342220.899999999</v>
      </c>
      <c r="F105" s="6">
        <v>105437547.36</v>
      </c>
      <c r="G105" s="6">
        <v>0.81</v>
      </c>
      <c r="H105" s="6">
        <v>92267997.640000001</v>
      </c>
      <c r="I105" s="6">
        <v>17452647.379999999</v>
      </c>
      <c r="J105" s="6">
        <v>101108676.41</v>
      </c>
      <c r="K105" s="6">
        <v>0.84</v>
      </c>
      <c r="L105" s="6">
        <v>96596868.590000004</v>
      </c>
    </row>
    <row r="106" spans="1:12" x14ac:dyDescent="0.25">
      <c r="A106" s="2" t="s">
        <v>206</v>
      </c>
      <c r="B106" s="4" t="s">
        <v>383</v>
      </c>
      <c r="C106" s="7">
        <v>114491400</v>
      </c>
      <c r="D106" s="7">
        <v>108397897</v>
      </c>
      <c r="E106" s="7">
        <v>14836521.84</v>
      </c>
      <c r="F106" s="7">
        <v>81287562.030000001</v>
      </c>
      <c r="G106" s="7">
        <v>0.63</v>
      </c>
      <c r="H106" s="7">
        <v>27110334.969999999</v>
      </c>
      <c r="I106" s="7">
        <v>15170660.369999999</v>
      </c>
      <c r="J106" s="7">
        <v>80743705.480000004</v>
      </c>
      <c r="K106" s="7">
        <v>0.67</v>
      </c>
      <c r="L106" s="7">
        <v>27654191.52</v>
      </c>
    </row>
    <row r="107" spans="1:12" x14ac:dyDescent="0.25">
      <c r="A107" s="2" t="s">
        <v>208</v>
      </c>
      <c r="B107" s="4" t="s">
        <v>441</v>
      </c>
      <c r="C107" s="7">
        <v>100</v>
      </c>
      <c r="D107" s="7">
        <v>100</v>
      </c>
      <c r="E107" s="7">
        <v>0</v>
      </c>
      <c r="F107" s="7">
        <v>0</v>
      </c>
      <c r="G107" s="7">
        <v>0</v>
      </c>
      <c r="H107" s="7">
        <v>100</v>
      </c>
      <c r="I107" s="7">
        <v>0</v>
      </c>
      <c r="J107" s="7">
        <v>0</v>
      </c>
      <c r="K107" s="7">
        <v>0</v>
      </c>
      <c r="L107" s="7">
        <v>100</v>
      </c>
    </row>
    <row r="108" spans="1:12" x14ac:dyDescent="0.25">
      <c r="A108" s="2" t="s">
        <v>210</v>
      </c>
      <c r="B108" s="4" t="s">
        <v>442</v>
      </c>
      <c r="C108" s="7">
        <v>587700</v>
      </c>
      <c r="D108" s="7">
        <v>498860</v>
      </c>
      <c r="E108" s="7">
        <v>0</v>
      </c>
      <c r="F108" s="7">
        <v>0</v>
      </c>
      <c r="G108" s="7">
        <v>0</v>
      </c>
      <c r="H108" s="7">
        <v>498860</v>
      </c>
      <c r="I108" s="7">
        <v>0</v>
      </c>
      <c r="J108" s="7">
        <v>0</v>
      </c>
      <c r="K108" s="7">
        <v>0</v>
      </c>
      <c r="L108" s="7">
        <v>498860</v>
      </c>
    </row>
    <row r="109" spans="1:12" x14ac:dyDescent="0.25">
      <c r="A109" s="2" t="s">
        <v>212</v>
      </c>
      <c r="B109" s="4" t="s">
        <v>443</v>
      </c>
      <c r="C109" s="7">
        <v>100</v>
      </c>
      <c r="D109" s="7">
        <v>100</v>
      </c>
      <c r="E109" s="7">
        <v>0</v>
      </c>
      <c r="F109" s="7">
        <v>0</v>
      </c>
      <c r="G109" s="7">
        <v>0</v>
      </c>
      <c r="H109" s="7">
        <v>100</v>
      </c>
      <c r="I109" s="7">
        <v>0</v>
      </c>
      <c r="J109" s="7">
        <v>0</v>
      </c>
      <c r="K109" s="7">
        <v>0</v>
      </c>
      <c r="L109" s="7">
        <v>100</v>
      </c>
    </row>
    <row r="110" spans="1:12" x14ac:dyDescent="0.25">
      <c r="A110" s="2" t="s">
        <v>214</v>
      </c>
      <c r="B110" s="4" t="s">
        <v>444</v>
      </c>
      <c r="C110" s="7">
        <v>584800</v>
      </c>
      <c r="D110" s="7">
        <v>644800</v>
      </c>
      <c r="E110" s="7">
        <v>0</v>
      </c>
      <c r="F110" s="7">
        <v>0</v>
      </c>
      <c r="G110" s="7">
        <v>0</v>
      </c>
      <c r="H110" s="7">
        <v>644800</v>
      </c>
      <c r="I110" s="7">
        <v>0</v>
      </c>
      <c r="J110" s="7">
        <v>0</v>
      </c>
      <c r="K110" s="7">
        <v>0</v>
      </c>
      <c r="L110" s="7">
        <v>644800</v>
      </c>
    </row>
    <row r="111" spans="1:12" x14ac:dyDescent="0.25">
      <c r="A111" s="2" t="s">
        <v>215</v>
      </c>
      <c r="B111" s="4" t="s">
        <v>427</v>
      </c>
      <c r="C111" s="7">
        <v>2748300</v>
      </c>
      <c r="D111" s="7">
        <v>2740305</v>
      </c>
      <c r="E111" s="7">
        <v>0</v>
      </c>
      <c r="F111" s="7">
        <v>0</v>
      </c>
      <c r="G111" s="7">
        <v>0</v>
      </c>
      <c r="H111" s="7">
        <v>2740305</v>
      </c>
      <c r="I111" s="7">
        <v>0</v>
      </c>
      <c r="J111" s="7">
        <v>0</v>
      </c>
      <c r="K111" s="7">
        <v>0</v>
      </c>
      <c r="L111" s="7">
        <v>2740305</v>
      </c>
    </row>
    <row r="112" spans="1:12" x14ac:dyDescent="0.25">
      <c r="A112" s="2" t="s">
        <v>216</v>
      </c>
      <c r="B112" s="4" t="s">
        <v>447</v>
      </c>
      <c r="C112" s="7">
        <v>51245400</v>
      </c>
      <c r="D112" s="7">
        <v>56275643</v>
      </c>
      <c r="E112" s="7">
        <v>1185772.96</v>
      </c>
      <c r="F112" s="7">
        <v>10668681.77</v>
      </c>
      <c r="G112" s="7">
        <v>0.08</v>
      </c>
      <c r="H112" s="7">
        <v>45606961.229999997</v>
      </c>
      <c r="I112" s="7">
        <v>489176.45</v>
      </c>
      <c r="J112" s="7">
        <v>9566850.3000000007</v>
      </c>
      <c r="K112" s="7">
        <v>0.08</v>
      </c>
      <c r="L112" s="7">
        <v>46708792.700000003</v>
      </c>
    </row>
    <row r="113" spans="1:12" x14ac:dyDescent="0.25">
      <c r="A113" s="2" t="s">
        <v>218</v>
      </c>
      <c r="B113" s="4" t="s">
        <v>448</v>
      </c>
      <c r="C113" s="7">
        <v>100</v>
      </c>
      <c r="D113" s="7">
        <v>100</v>
      </c>
      <c r="E113" s="7">
        <v>0</v>
      </c>
      <c r="F113" s="7">
        <v>0</v>
      </c>
      <c r="G113" s="7">
        <v>0</v>
      </c>
      <c r="H113" s="7">
        <v>100</v>
      </c>
      <c r="I113" s="7">
        <v>0</v>
      </c>
      <c r="J113" s="7">
        <v>0</v>
      </c>
      <c r="K113" s="7">
        <v>0</v>
      </c>
      <c r="L113" s="7">
        <v>100</v>
      </c>
    </row>
    <row r="114" spans="1:12" x14ac:dyDescent="0.25">
      <c r="A114" s="2" t="s">
        <v>220</v>
      </c>
      <c r="B114" s="4" t="s">
        <v>449</v>
      </c>
      <c r="C114" s="7">
        <v>8195800</v>
      </c>
      <c r="D114" s="7">
        <v>8195800</v>
      </c>
      <c r="E114" s="7">
        <v>862790.72</v>
      </c>
      <c r="F114" s="7">
        <v>4239525.18</v>
      </c>
      <c r="G114" s="7">
        <v>0.03</v>
      </c>
      <c r="H114" s="7">
        <v>3956274.82</v>
      </c>
      <c r="I114" s="7">
        <v>752682.62</v>
      </c>
      <c r="J114" s="7">
        <v>3252182.38</v>
      </c>
      <c r="K114" s="7">
        <v>0.03</v>
      </c>
      <c r="L114" s="7">
        <v>4943617.62</v>
      </c>
    </row>
    <row r="115" spans="1:12" x14ac:dyDescent="0.25">
      <c r="A115" s="2" t="s">
        <v>222</v>
      </c>
      <c r="B115" s="4" t="s">
        <v>450</v>
      </c>
      <c r="C115" s="7">
        <v>21738000</v>
      </c>
      <c r="D115" s="7">
        <v>20951840</v>
      </c>
      <c r="E115" s="7">
        <v>2457135.38</v>
      </c>
      <c r="F115" s="7">
        <v>9241778.3800000008</v>
      </c>
      <c r="G115" s="7">
        <v>7.0000000000000007E-2</v>
      </c>
      <c r="H115" s="7">
        <v>11710061.619999999</v>
      </c>
      <c r="I115" s="7">
        <v>1040127.94</v>
      </c>
      <c r="J115" s="7">
        <v>7545938.25</v>
      </c>
      <c r="K115" s="7">
        <v>0.06</v>
      </c>
      <c r="L115" s="7">
        <v>13405901.75</v>
      </c>
    </row>
    <row r="116" spans="1:12" x14ac:dyDescent="0.25">
      <c r="A116" s="2" t="s">
        <v>225</v>
      </c>
      <c r="B116" s="4" t="s">
        <v>451</v>
      </c>
      <c r="C116" s="7">
        <v>100</v>
      </c>
      <c r="D116" s="7">
        <v>100</v>
      </c>
      <c r="E116" s="7">
        <v>0</v>
      </c>
      <c r="F116" s="7">
        <v>0</v>
      </c>
      <c r="G116" s="7">
        <v>0</v>
      </c>
      <c r="H116" s="7">
        <v>100</v>
      </c>
      <c r="I116" s="7">
        <v>0</v>
      </c>
      <c r="J116" s="7">
        <v>0</v>
      </c>
      <c r="K116" s="7">
        <v>0</v>
      </c>
      <c r="L116" s="7">
        <v>100</v>
      </c>
    </row>
    <row r="117" spans="1:12" x14ac:dyDescent="0.25">
      <c r="A117" s="3" t="s">
        <v>227</v>
      </c>
      <c r="B117" s="5" t="s">
        <v>452</v>
      </c>
      <c r="C117" s="6">
        <v>4138500</v>
      </c>
      <c r="D117" s="6">
        <v>4356194</v>
      </c>
      <c r="E117" s="6">
        <v>38125.980000000003</v>
      </c>
      <c r="F117" s="6">
        <v>1120094.8700000001</v>
      </c>
      <c r="G117" s="6">
        <v>0.01</v>
      </c>
      <c r="H117" s="6">
        <v>3236099.13</v>
      </c>
      <c r="I117" s="6">
        <v>335805.85</v>
      </c>
      <c r="J117" s="6">
        <v>967300.12</v>
      </c>
      <c r="K117" s="6">
        <v>0.01</v>
      </c>
      <c r="L117" s="6">
        <v>3388893.88</v>
      </c>
    </row>
    <row r="118" spans="1:12" x14ac:dyDescent="0.25">
      <c r="A118" s="2" t="s">
        <v>229</v>
      </c>
      <c r="B118" s="4" t="s">
        <v>453</v>
      </c>
      <c r="C118" s="7">
        <v>4138500</v>
      </c>
      <c r="D118" s="7">
        <v>4356194</v>
      </c>
      <c r="E118" s="7">
        <v>38125.980000000003</v>
      </c>
      <c r="F118" s="7">
        <v>1120094.8700000001</v>
      </c>
      <c r="G118" s="7">
        <v>0.01</v>
      </c>
      <c r="H118" s="7">
        <v>3236099.13</v>
      </c>
      <c r="I118" s="7">
        <v>335805.85</v>
      </c>
      <c r="J118" s="7">
        <v>967300.12</v>
      </c>
      <c r="K118" s="7">
        <v>0.01</v>
      </c>
      <c r="L118" s="7">
        <v>3388893.88</v>
      </c>
    </row>
    <row r="119" spans="1:12" x14ac:dyDescent="0.25">
      <c r="A119" s="3" t="s">
        <v>231</v>
      </c>
      <c r="B119" s="5" t="s">
        <v>454</v>
      </c>
      <c r="C119" s="6">
        <v>150000400</v>
      </c>
      <c r="D119" s="6">
        <v>211779479</v>
      </c>
      <c r="E119" s="6">
        <v>45183434.859999999</v>
      </c>
      <c r="F119" s="6">
        <v>198892511.13999999</v>
      </c>
      <c r="G119" s="6">
        <v>1.53</v>
      </c>
      <c r="H119" s="6">
        <v>12886967.859999999</v>
      </c>
      <c r="I119" s="6">
        <v>45633353.729999997</v>
      </c>
      <c r="J119" s="6">
        <v>195647744.41999999</v>
      </c>
      <c r="K119" s="6">
        <v>1.62</v>
      </c>
      <c r="L119" s="6">
        <v>16131734.58</v>
      </c>
    </row>
    <row r="120" spans="1:12" x14ac:dyDescent="0.25">
      <c r="A120" s="2" t="s">
        <v>233</v>
      </c>
      <c r="B120" s="4" t="s">
        <v>455</v>
      </c>
      <c r="C120" s="7">
        <v>150000400</v>
      </c>
      <c r="D120" s="7">
        <v>211779479</v>
      </c>
      <c r="E120" s="7">
        <v>45183434.859999999</v>
      </c>
      <c r="F120" s="7">
        <v>198892511.13999999</v>
      </c>
      <c r="G120" s="7">
        <v>1.53</v>
      </c>
      <c r="H120" s="7">
        <v>12886967.859999999</v>
      </c>
      <c r="I120" s="7">
        <v>45633353.729999997</v>
      </c>
      <c r="J120" s="7">
        <v>195647744.41999999</v>
      </c>
      <c r="K120" s="7">
        <v>1.62</v>
      </c>
      <c r="L120" s="7">
        <v>16131734.58</v>
      </c>
    </row>
    <row r="121" spans="1:12" x14ac:dyDescent="0.25">
      <c r="A121" s="3" t="s">
        <v>235</v>
      </c>
      <c r="B121" s="5" t="s">
        <v>456</v>
      </c>
      <c r="C121" s="6">
        <v>36095100</v>
      </c>
      <c r="D121" s="6">
        <v>38230999</v>
      </c>
      <c r="E121" s="6">
        <v>3031518.6</v>
      </c>
      <c r="F121" s="6">
        <v>19799837.879999999</v>
      </c>
      <c r="G121" s="6">
        <v>0.16</v>
      </c>
      <c r="H121" s="6">
        <v>18431161.120000001</v>
      </c>
      <c r="I121" s="6">
        <v>3080764.33</v>
      </c>
      <c r="J121" s="6">
        <v>18625023.809999999</v>
      </c>
      <c r="K121" s="6">
        <v>0.15</v>
      </c>
      <c r="L121" s="6">
        <v>19605975.190000001</v>
      </c>
    </row>
    <row r="122" spans="1:12" x14ac:dyDescent="0.25">
      <c r="A122" s="2" t="s">
        <v>237</v>
      </c>
      <c r="B122" s="4" t="s">
        <v>455</v>
      </c>
      <c r="C122" s="7">
        <v>700</v>
      </c>
      <c r="D122" s="7">
        <v>700</v>
      </c>
      <c r="E122" s="7">
        <v>0</v>
      </c>
      <c r="F122" s="7">
        <v>0</v>
      </c>
      <c r="G122" s="7">
        <v>0</v>
      </c>
      <c r="H122" s="7">
        <v>700</v>
      </c>
      <c r="I122" s="7">
        <v>0</v>
      </c>
      <c r="J122" s="7">
        <v>0</v>
      </c>
      <c r="K122" s="7">
        <v>0</v>
      </c>
      <c r="L122" s="7">
        <v>700</v>
      </c>
    </row>
    <row r="123" spans="1:12" x14ac:dyDescent="0.25">
      <c r="A123" s="2" t="s">
        <v>239</v>
      </c>
      <c r="B123" s="4" t="s">
        <v>457</v>
      </c>
      <c r="C123" s="7">
        <v>15480300</v>
      </c>
      <c r="D123" s="7">
        <v>15536300</v>
      </c>
      <c r="E123" s="7">
        <v>1616215.98</v>
      </c>
      <c r="F123" s="7">
        <v>8856969.5299999993</v>
      </c>
      <c r="G123" s="7">
        <v>7.0000000000000007E-2</v>
      </c>
      <c r="H123" s="7">
        <v>6679330.4699999997</v>
      </c>
      <c r="I123" s="7">
        <v>1565110.56</v>
      </c>
      <c r="J123" s="7">
        <v>8588028.1199999992</v>
      </c>
      <c r="K123" s="7">
        <v>7.0000000000000007E-2</v>
      </c>
      <c r="L123" s="7">
        <v>6948271.8799999999</v>
      </c>
    </row>
    <row r="124" spans="1:12" x14ac:dyDescent="0.25">
      <c r="A124" s="2" t="s">
        <v>241</v>
      </c>
      <c r="B124" s="4" t="s">
        <v>451</v>
      </c>
      <c r="C124" s="7">
        <v>100</v>
      </c>
      <c r="D124" s="7">
        <v>100</v>
      </c>
      <c r="E124" s="7">
        <v>0</v>
      </c>
      <c r="F124" s="7">
        <v>0</v>
      </c>
      <c r="G124" s="7">
        <v>0</v>
      </c>
      <c r="H124" s="7">
        <v>100</v>
      </c>
      <c r="I124" s="7">
        <v>0</v>
      </c>
      <c r="J124" s="7">
        <v>0</v>
      </c>
      <c r="K124" s="7">
        <v>0</v>
      </c>
      <c r="L124" s="7">
        <v>100</v>
      </c>
    </row>
    <row r="125" spans="1:12" x14ac:dyDescent="0.25">
      <c r="A125" s="2" t="s">
        <v>243</v>
      </c>
      <c r="B125" s="4" t="s">
        <v>458</v>
      </c>
      <c r="C125" s="7">
        <v>9610900</v>
      </c>
      <c r="D125" s="7">
        <v>9635872</v>
      </c>
      <c r="E125" s="7">
        <v>1014698.7</v>
      </c>
      <c r="F125" s="7">
        <v>6292972.3300000001</v>
      </c>
      <c r="G125" s="7">
        <v>0.05</v>
      </c>
      <c r="H125" s="7">
        <v>3342899.67</v>
      </c>
      <c r="I125" s="7">
        <v>1043386.49</v>
      </c>
      <c r="J125" s="7">
        <v>6227547.8099999996</v>
      </c>
      <c r="K125" s="7">
        <v>0.05</v>
      </c>
      <c r="L125" s="7">
        <v>3408324.19</v>
      </c>
    </row>
    <row r="126" spans="1:12" x14ac:dyDescent="0.25">
      <c r="A126" s="2" t="s">
        <v>245</v>
      </c>
      <c r="B126" s="4" t="s">
        <v>459</v>
      </c>
      <c r="C126" s="7">
        <v>11003100</v>
      </c>
      <c r="D126" s="7">
        <v>13058027</v>
      </c>
      <c r="E126" s="7">
        <v>400603.92</v>
      </c>
      <c r="F126" s="7">
        <v>4649896.0199999996</v>
      </c>
      <c r="G126" s="7">
        <v>0.04</v>
      </c>
      <c r="H126" s="7">
        <v>8408130.9800000004</v>
      </c>
      <c r="I126" s="7">
        <v>472267.28</v>
      </c>
      <c r="J126" s="7">
        <v>3809447.88</v>
      </c>
      <c r="K126" s="7">
        <v>0.03</v>
      </c>
      <c r="L126" s="7">
        <v>9248579.1199999992</v>
      </c>
    </row>
    <row r="127" spans="1:12" x14ac:dyDescent="0.25">
      <c r="A127" s="3" t="s">
        <v>247</v>
      </c>
      <c r="B127" s="5" t="s">
        <v>460</v>
      </c>
      <c r="C127" s="6">
        <v>0</v>
      </c>
      <c r="D127" s="6">
        <v>0</v>
      </c>
      <c r="E127" s="6">
        <v>0</v>
      </c>
      <c r="F127" s="6">
        <v>0</v>
      </c>
      <c r="G127" s="6">
        <v>0</v>
      </c>
      <c r="H127" s="6">
        <v>0</v>
      </c>
      <c r="I127" s="6">
        <v>0</v>
      </c>
      <c r="J127" s="6">
        <v>0</v>
      </c>
      <c r="K127" s="6">
        <v>0</v>
      </c>
      <c r="L127" s="6">
        <v>0</v>
      </c>
    </row>
    <row r="128" spans="1:12" x14ac:dyDescent="0.25">
      <c r="A128" s="2" t="s">
        <v>249</v>
      </c>
      <c r="B128" s="4" t="s">
        <v>386</v>
      </c>
      <c r="C128" s="7">
        <v>0</v>
      </c>
      <c r="D128" s="7">
        <v>0</v>
      </c>
      <c r="E128" s="7">
        <v>0</v>
      </c>
      <c r="F128" s="7">
        <v>0</v>
      </c>
      <c r="G128" s="7">
        <v>0</v>
      </c>
      <c r="H128" s="7">
        <v>0</v>
      </c>
      <c r="I128" s="7">
        <v>0</v>
      </c>
      <c r="J128" s="7">
        <v>0</v>
      </c>
      <c r="K128" s="7">
        <v>0</v>
      </c>
      <c r="L128" s="7">
        <v>0</v>
      </c>
    </row>
    <row r="129" spans="1:12" x14ac:dyDescent="0.25">
      <c r="A129" s="3" t="s">
        <v>251</v>
      </c>
      <c r="B129" s="5" t="s">
        <v>461</v>
      </c>
      <c r="C129" s="6">
        <v>5556000</v>
      </c>
      <c r="D129" s="6">
        <v>1465503</v>
      </c>
      <c r="E129" s="6">
        <v>0</v>
      </c>
      <c r="F129" s="6">
        <v>461483.97</v>
      </c>
      <c r="G129" s="6">
        <v>0</v>
      </c>
      <c r="H129" s="6">
        <v>1004019.03</v>
      </c>
      <c r="I129" s="6">
        <v>0</v>
      </c>
      <c r="J129" s="6">
        <v>61165.8</v>
      </c>
      <c r="K129" s="6">
        <v>0</v>
      </c>
      <c r="L129" s="6">
        <v>1404337.2</v>
      </c>
    </row>
    <row r="130" spans="1:12" x14ac:dyDescent="0.25">
      <c r="A130" s="2" t="s">
        <v>253</v>
      </c>
      <c r="B130" s="4" t="s">
        <v>462</v>
      </c>
      <c r="C130" s="7">
        <v>330000</v>
      </c>
      <c r="D130" s="7">
        <v>330000</v>
      </c>
      <c r="E130" s="7">
        <v>0</v>
      </c>
      <c r="F130" s="7">
        <v>0</v>
      </c>
      <c r="G130" s="7">
        <v>0</v>
      </c>
      <c r="H130" s="7">
        <v>330000</v>
      </c>
      <c r="I130" s="7">
        <v>0</v>
      </c>
      <c r="J130" s="7">
        <v>0</v>
      </c>
      <c r="K130" s="7">
        <v>0</v>
      </c>
      <c r="L130" s="7">
        <v>330000</v>
      </c>
    </row>
    <row r="131" spans="1:12" x14ac:dyDescent="0.25">
      <c r="A131" s="2" t="s">
        <v>255</v>
      </c>
      <c r="B131" s="4" t="s">
        <v>463</v>
      </c>
      <c r="C131" s="7">
        <v>5226000</v>
      </c>
      <c r="D131" s="7">
        <v>1135503</v>
      </c>
      <c r="E131" s="7">
        <v>0</v>
      </c>
      <c r="F131" s="7">
        <v>461483.97</v>
      </c>
      <c r="G131" s="7">
        <v>0</v>
      </c>
      <c r="H131" s="7">
        <v>674019.03</v>
      </c>
      <c r="I131" s="7">
        <v>0</v>
      </c>
      <c r="J131" s="7">
        <v>61165.8</v>
      </c>
      <c r="K131" s="7">
        <v>0</v>
      </c>
      <c r="L131" s="7">
        <v>1074337.2</v>
      </c>
    </row>
    <row r="132" spans="1:12" x14ac:dyDescent="0.25">
      <c r="A132" s="3" t="s">
        <v>257</v>
      </c>
      <c r="B132" s="5" t="s">
        <v>464</v>
      </c>
      <c r="C132" s="6">
        <v>788830100</v>
      </c>
      <c r="D132" s="6">
        <v>835865884.58000004</v>
      </c>
      <c r="E132" s="6">
        <v>131651329.27</v>
      </c>
      <c r="F132" s="6">
        <v>755708814.09000003</v>
      </c>
      <c r="G132" s="6">
        <v>5.83</v>
      </c>
      <c r="H132" s="6">
        <v>80157070.489999995</v>
      </c>
      <c r="I132" s="6">
        <v>162939136.13</v>
      </c>
      <c r="J132" s="6">
        <v>585203308.77999997</v>
      </c>
      <c r="K132" s="6">
        <v>4.8499999999999996</v>
      </c>
      <c r="L132" s="6">
        <v>250662575.80000001</v>
      </c>
    </row>
    <row r="133" spans="1:12" x14ac:dyDescent="0.25">
      <c r="A133" s="2" t="s">
        <v>259</v>
      </c>
      <c r="B133" s="4" t="s">
        <v>383</v>
      </c>
      <c r="C133" s="7">
        <v>101565000</v>
      </c>
      <c r="D133" s="7">
        <v>89260791.579999998</v>
      </c>
      <c r="E133" s="7">
        <v>9126030.2100000009</v>
      </c>
      <c r="F133" s="7">
        <v>49423214.579999998</v>
      </c>
      <c r="G133" s="7">
        <v>0.38</v>
      </c>
      <c r="H133" s="7">
        <v>39837577</v>
      </c>
      <c r="I133" s="7">
        <v>9019496.0600000005</v>
      </c>
      <c r="J133" s="7">
        <v>48067276.109999999</v>
      </c>
      <c r="K133" s="7">
        <v>0.4</v>
      </c>
      <c r="L133" s="7">
        <v>41193515.469999999</v>
      </c>
    </row>
    <row r="134" spans="1:12" x14ac:dyDescent="0.25">
      <c r="A134" s="2" t="s">
        <v>261</v>
      </c>
      <c r="B134" s="4" t="s">
        <v>465</v>
      </c>
      <c r="C134" s="7">
        <v>917000</v>
      </c>
      <c r="D134" s="7">
        <v>13338944</v>
      </c>
      <c r="E134" s="7">
        <v>4747772.26</v>
      </c>
      <c r="F134" s="7">
        <v>8917620.8100000005</v>
      </c>
      <c r="G134" s="7">
        <v>7.0000000000000007E-2</v>
      </c>
      <c r="H134" s="7">
        <v>4421323.1900000004</v>
      </c>
      <c r="I134" s="7">
        <v>938589.59</v>
      </c>
      <c r="J134" s="7">
        <v>4991904.9000000004</v>
      </c>
      <c r="K134" s="7">
        <v>0.04</v>
      </c>
      <c r="L134" s="7">
        <v>8347039.0999999996</v>
      </c>
    </row>
    <row r="135" spans="1:12" x14ac:dyDescent="0.25">
      <c r="A135" s="2" t="s">
        <v>263</v>
      </c>
      <c r="B135" s="4" t="s">
        <v>466</v>
      </c>
      <c r="C135" s="7">
        <v>686228100</v>
      </c>
      <c r="D135" s="7">
        <v>733246149</v>
      </c>
      <c r="E135" s="7">
        <v>117777526.8</v>
      </c>
      <c r="F135" s="7">
        <v>697367978.70000005</v>
      </c>
      <c r="G135" s="7">
        <v>5.38</v>
      </c>
      <c r="H135" s="7">
        <v>35878170.299999997</v>
      </c>
      <c r="I135" s="7">
        <v>152981050.47999999</v>
      </c>
      <c r="J135" s="7">
        <v>532144127.76999998</v>
      </c>
      <c r="K135" s="7">
        <v>4.41</v>
      </c>
      <c r="L135" s="7">
        <v>201102021.22999999</v>
      </c>
    </row>
    <row r="136" spans="1:12" x14ac:dyDescent="0.25">
      <c r="A136" s="2" t="s">
        <v>265</v>
      </c>
      <c r="B136" s="4" t="s">
        <v>467</v>
      </c>
      <c r="C136" s="7">
        <v>110000</v>
      </c>
      <c r="D136" s="7">
        <v>10000</v>
      </c>
      <c r="E136" s="7">
        <v>0</v>
      </c>
      <c r="F136" s="7">
        <v>0</v>
      </c>
      <c r="G136" s="7">
        <v>0</v>
      </c>
      <c r="H136" s="7">
        <v>10000</v>
      </c>
      <c r="I136" s="7">
        <v>0</v>
      </c>
      <c r="J136" s="7">
        <v>0</v>
      </c>
      <c r="K136" s="7">
        <v>0</v>
      </c>
      <c r="L136" s="7">
        <v>10000</v>
      </c>
    </row>
    <row r="137" spans="1:12" x14ac:dyDescent="0.25">
      <c r="A137" s="2" t="s">
        <v>267</v>
      </c>
      <c r="B137" s="4" t="s">
        <v>468</v>
      </c>
      <c r="C137" s="7">
        <v>10000</v>
      </c>
      <c r="D137" s="7">
        <v>10000</v>
      </c>
      <c r="E137" s="7">
        <v>0</v>
      </c>
      <c r="F137" s="7">
        <v>0</v>
      </c>
      <c r="G137" s="7">
        <v>0</v>
      </c>
      <c r="H137" s="7">
        <v>10000</v>
      </c>
      <c r="I137" s="7">
        <v>0</v>
      </c>
      <c r="J137" s="7">
        <v>0</v>
      </c>
      <c r="K137" s="7">
        <v>0</v>
      </c>
      <c r="L137" s="7">
        <v>10000</v>
      </c>
    </row>
    <row r="138" spans="1:12" x14ac:dyDescent="0.25">
      <c r="A138" s="3" t="s">
        <v>269</v>
      </c>
      <c r="B138" s="5" t="s">
        <v>469</v>
      </c>
      <c r="C138" s="6">
        <v>26881600</v>
      </c>
      <c r="D138" s="6">
        <v>33766356.960000001</v>
      </c>
      <c r="E138" s="6">
        <v>2701071.55</v>
      </c>
      <c r="F138" s="6">
        <v>13093491</v>
      </c>
      <c r="G138" s="6">
        <v>0.1</v>
      </c>
      <c r="H138" s="6">
        <v>20672865.960000001</v>
      </c>
      <c r="I138" s="6">
        <v>1752956.09</v>
      </c>
      <c r="J138" s="6">
        <v>10584398.130000001</v>
      </c>
      <c r="K138" s="6">
        <v>0.09</v>
      </c>
      <c r="L138" s="6">
        <v>23181958.829999998</v>
      </c>
    </row>
    <row r="139" spans="1:12" x14ac:dyDescent="0.25">
      <c r="A139" s="2" t="s">
        <v>271</v>
      </c>
      <c r="B139" s="4" t="s">
        <v>470</v>
      </c>
      <c r="C139" s="7">
        <v>5696600</v>
      </c>
      <c r="D139" s="7">
        <v>10735061.91</v>
      </c>
      <c r="E139" s="7">
        <v>883014.44</v>
      </c>
      <c r="F139" s="7">
        <v>4845814.0599999996</v>
      </c>
      <c r="G139" s="7">
        <v>0.04</v>
      </c>
      <c r="H139" s="7">
        <v>5889247.8499999996</v>
      </c>
      <c r="I139" s="7">
        <v>376623</v>
      </c>
      <c r="J139" s="7">
        <v>3365306.95</v>
      </c>
      <c r="K139" s="7">
        <v>0.03</v>
      </c>
      <c r="L139" s="7">
        <v>7369754.96</v>
      </c>
    </row>
    <row r="140" spans="1:12" x14ac:dyDescent="0.25">
      <c r="A140" s="2" t="s">
        <v>273</v>
      </c>
      <c r="B140" s="4" t="s">
        <v>471</v>
      </c>
      <c r="C140" s="7">
        <v>21185000</v>
      </c>
      <c r="D140" s="7">
        <v>23031295.050000001</v>
      </c>
      <c r="E140" s="7">
        <v>1818057.11</v>
      </c>
      <c r="F140" s="7">
        <v>8247676.9400000004</v>
      </c>
      <c r="G140" s="7">
        <v>0.06</v>
      </c>
      <c r="H140" s="7">
        <v>14783618.109999999</v>
      </c>
      <c r="I140" s="7">
        <v>1376333.09</v>
      </c>
      <c r="J140" s="7">
        <v>7219091.1799999997</v>
      </c>
      <c r="K140" s="7">
        <v>0.06</v>
      </c>
      <c r="L140" s="7">
        <v>15812203.869999999</v>
      </c>
    </row>
    <row r="141" spans="1:12" x14ac:dyDescent="0.25">
      <c r="A141" s="3" t="s">
        <v>275</v>
      </c>
      <c r="B141" s="5" t="s">
        <v>472</v>
      </c>
      <c r="C141" s="6">
        <v>802553400</v>
      </c>
      <c r="D141" s="6">
        <v>836531637.08000004</v>
      </c>
      <c r="E141" s="6">
        <v>74209403.920000002</v>
      </c>
      <c r="F141" s="6">
        <v>373715479.83999997</v>
      </c>
      <c r="G141" s="6">
        <v>2.88</v>
      </c>
      <c r="H141" s="6">
        <v>462816157.24000001</v>
      </c>
      <c r="I141" s="6">
        <v>65850628.280000001</v>
      </c>
      <c r="J141" s="6">
        <v>346798262.38</v>
      </c>
      <c r="K141" s="6">
        <v>2.88</v>
      </c>
      <c r="L141" s="6">
        <v>489733374.69999999</v>
      </c>
    </row>
    <row r="142" spans="1:12" x14ac:dyDescent="0.25">
      <c r="A142" s="2" t="s">
        <v>277</v>
      </c>
      <c r="B142" s="4" t="s">
        <v>473</v>
      </c>
      <c r="C142" s="7">
        <v>408161200</v>
      </c>
      <c r="D142" s="7">
        <v>428053300</v>
      </c>
      <c r="E142" s="7">
        <v>6973613.0099999998</v>
      </c>
      <c r="F142" s="7">
        <v>68368766.909999996</v>
      </c>
      <c r="G142" s="7">
        <v>0.53</v>
      </c>
      <c r="H142" s="7">
        <v>359684533.08999997</v>
      </c>
      <c r="I142" s="7">
        <v>6973613.0099999998</v>
      </c>
      <c r="J142" s="7">
        <v>68325923.799999997</v>
      </c>
      <c r="K142" s="7">
        <v>0.56999999999999995</v>
      </c>
      <c r="L142" s="7">
        <v>359727376.19999999</v>
      </c>
    </row>
    <row r="143" spans="1:12" x14ac:dyDescent="0.25">
      <c r="A143" s="2" t="s">
        <v>279</v>
      </c>
      <c r="B143" s="4" t="s">
        <v>405</v>
      </c>
      <c r="C143" s="7">
        <v>166930600</v>
      </c>
      <c r="D143" s="7">
        <v>169950600</v>
      </c>
      <c r="E143" s="7">
        <v>22455929.690000001</v>
      </c>
      <c r="F143" s="7">
        <v>127912877.51000001</v>
      </c>
      <c r="G143" s="7">
        <v>0.99</v>
      </c>
      <c r="H143" s="7">
        <v>42037722.490000002</v>
      </c>
      <c r="I143" s="7">
        <v>22455929.690000001</v>
      </c>
      <c r="J143" s="7">
        <v>127912877.51000001</v>
      </c>
      <c r="K143" s="7">
        <v>1.06</v>
      </c>
      <c r="L143" s="7">
        <v>42037722.490000002</v>
      </c>
    </row>
    <row r="144" spans="1:12" x14ac:dyDescent="0.25">
      <c r="A144" s="2" t="s">
        <v>281</v>
      </c>
      <c r="B144" s="4" t="s">
        <v>474</v>
      </c>
      <c r="C144" s="7">
        <v>46245300</v>
      </c>
      <c r="D144" s="7">
        <v>54555300</v>
      </c>
      <c r="E144" s="7">
        <v>19639128.739999998</v>
      </c>
      <c r="F144" s="7">
        <v>44649713.399999999</v>
      </c>
      <c r="G144" s="7">
        <v>0.34</v>
      </c>
      <c r="H144" s="7">
        <v>9905586.5999999996</v>
      </c>
      <c r="I144" s="7">
        <v>19639128.739999998</v>
      </c>
      <c r="J144" s="7">
        <v>44649713.399999999</v>
      </c>
      <c r="K144" s="7">
        <v>0.37</v>
      </c>
      <c r="L144" s="7">
        <v>9905586.5999999996</v>
      </c>
    </row>
    <row r="145" spans="1:12" x14ac:dyDescent="0.25">
      <c r="A145" s="2" t="s">
        <v>283</v>
      </c>
      <c r="B145" s="4" t="s">
        <v>475</v>
      </c>
      <c r="C145" s="7">
        <v>33000000</v>
      </c>
      <c r="D145" s="7">
        <v>33000000</v>
      </c>
      <c r="E145" s="7">
        <v>5500000</v>
      </c>
      <c r="F145" s="7">
        <v>30250000</v>
      </c>
      <c r="G145" s="7">
        <v>0.23</v>
      </c>
      <c r="H145" s="7">
        <v>2750000</v>
      </c>
      <c r="I145" s="7">
        <v>5500000</v>
      </c>
      <c r="J145" s="7">
        <v>30250000</v>
      </c>
      <c r="K145" s="7">
        <v>0.25</v>
      </c>
      <c r="L145" s="7">
        <v>2750000</v>
      </c>
    </row>
    <row r="146" spans="1:12" x14ac:dyDescent="0.25">
      <c r="A146" s="2" t="s">
        <v>285</v>
      </c>
      <c r="B146" s="4" t="s">
        <v>387</v>
      </c>
      <c r="C146" s="7">
        <v>148216300</v>
      </c>
      <c r="D146" s="7">
        <v>150972437.08000001</v>
      </c>
      <c r="E146" s="7">
        <v>19640732.48</v>
      </c>
      <c r="F146" s="7">
        <v>102534122.02</v>
      </c>
      <c r="G146" s="7">
        <v>0.79</v>
      </c>
      <c r="H146" s="7">
        <v>48438315.060000002</v>
      </c>
      <c r="I146" s="7">
        <v>11281956.84</v>
      </c>
      <c r="J146" s="7">
        <v>75659747.670000002</v>
      </c>
      <c r="K146" s="7">
        <v>0.63</v>
      </c>
      <c r="L146" s="7">
        <v>75312689.409999996</v>
      </c>
    </row>
    <row r="147" spans="1:12" x14ac:dyDescent="0.25">
      <c r="A147" s="3" t="s">
        <v>287</v>
      </c>
      <c r="B147" s="5" t="s">
        <v>476</v>
      </c>
      <c r="C147" s="6">
        <v>126439400</v>
      </c>
      <c r="D147" s="6">
        <v>0</v>
      </c>
      <c r="E147" s="6">
        <v>0</v>
      </c>
      <c r="F147" s="6">
        <v>0</v>
      </c>
      <c r="G147" s="6">
        <v>0</v>
      </c>
      <c r="H147" s="6">
        <v>0</v>
      </c>
      <c r="I147" s="6">
        <v>0</v>
      </c>
      <c r="J147" s="6">
        <v>0</v>
      </c>
      <c r="K147" s="6">
        <v>0</v>
      </c>
      <c r="L147" s="6">
        <v>0</v>
      </c>
    </row>
    <row r="148" spans="1:12" x14ac:dyDescent="0.25">
      <c r="A148" s="2" t="s">
        <v>289</v>
      </c>
      <c r="B148" s="4" t="s">
        <v>477</v>
      </c>
      <c r="C148" s="7">
        <v>126439400</v>
      </c>
      <c r="D148" s="7">
        <v>0</v>
      </c>
      <c r="E148" s="7">
        <v>0</v>
      </c>
      <c r="F148" s="7">
        <v>0</v>
      </c>
      <c r="G148" s="7">
        <v>0</v>
      </c>
      <c r="H148" s="7">
        <v>0</v>
      </c>
      <c r="I148" s="7">
        <v>0</v>
      </c>
      <c r="J148" s="7">
        <v>0</v>
      </c>
      <c r="K148" s="7">
        <v>0</v>
      </c>
      <c r="L148" s="7">
        <v>0</v>
      </c>
    </row>
    <row r="149" spans="1:12" x14ac:dyDescent="0.25">
      <c r="A149" s="3" t="s">
        <v>291</v>
      </c>
      <c r="B149" s="5" t="s">
        <v>478</v>
      </c>
      <c r="C149" s="6">
        <v>1386860500</v>
      </c>
      <c r="D149" s="6">
        <v>2100459683.79</v>
      </c>
      <c r="E149" s="6">
        <v>411072146.62</v>
      </c>
      <c r="F149" s="6">
        <v>1900851105.77</v>
      </c>
      <c r="G149" s="6">
        <v>14.68</v>
      </c>
      <c r="H149" s="6">
        <v>199608578.02000001</v>
      </c>
      <c r="I149" s="6">
        <v>426316136.83999997</v>
      </c>
      <c r="J149" s="6">
        <v>1862225664.27</v>
      </c>
      <c r="K149" s="6">
        <v>15.46</v>
      </c>
      <c r="L149" s="6">
        <v>238234019.52000001</v>
      </c>
    </row>
    <row r="150" spans="1:12" x14ac:dyDescent="0.25">
      <c r="A150" s="3" t="s">
        <v>293</v>
      </c>
      <c r="B150" s="5" t="s">
        <v>378</v>
      </c>
      <c r="C150" s="6">
        <v>94277200</v>
      </c>
      <c r="D150" s="6">
        <v>99851458.319999993</v>
      </c>
      <c r="E150" s="6">
        <v>15724628.869999999</v>
      </c>
      <c r="F150" s="6">
        <v>76351859.079999998</v>
      </c>
      <c r="G150" s="6">
        <v>0.59</v>
      </c>
      <c r="H150" s="6">
        <v>23499599.239999998</v>
      </c>
      <c r="I150" s="6">
        <v>15727691.140000001</v>
      </c>
      <c r="J150" s="6">
        <v>76351859.079999998</v>
      </c>
      <c r="K150" s="6">
        <v>0.64</v>
      </c>
      <c r="L150" s="6">
        <v>23499599.239999998</v>
      </c>
    </row>
    <row r="151" spans="1:12" x14ac:dyDescent="0.25">
      <c r="A151" s="2" t="s">
        <v>295</v>
      </c>
      <c r="B151" s="4" t="s">
        <v>379</v>
      </c>
      <c r="C151" s="7">
        <v>47477200</v>
      </c>
      <c r="D151" s="7">
        <v>47701458.32</v>
      </c>
      <c r="E151" s="7">
        <v>7043231.4400000004</v>
      </c>
      <c r="F151" s="7">
        <v>34394335.399999999</v>
      </c>
      <c r="G151" s="7">
        <v>0.27</v>
      </c>
      <c r="H151" s="7">
        <v>13307122.92</v>
      </c>
      <c r="I151" s="7">
        <v>7043231.4400000004</v>
      </c>
      <c r="J151" s="7">
        <v>34394335.399999999</v>
      </c>
      <c r="K151" s="7">
        <v>0.28999999999999998</v>
      </c>
      <c r="L151" s="7">
        <v>13307122.92</v>
      </c>
    </row>
    <row r="152" spans="1:12" x14ac:dyDescent="0.25">
      <c r="A152" s="2" t="s">
        <v>297</v>
      </c>
      <c r="B152" s="4" t="s">
        <v>380</v>
      </c>
      <c r="C152" s="7">
        <v>46800000</v>
      </c>
      <c r="D152" s="7">
        <v>52150000</v>
      </c>
      <c r="E152" s="7">
        <v>8681397.4299999997</v>
      </c>
      <c r="F152" s="7">
        <v>41957523.68</v>
      </c>
      <c r="G152" s="7">
        <v>0.32</v>
      </c>
      <c r="H152" s="7">
        <v>10192476.32</v>
      </c>
      <c r="I152" s="7">
        <v>8684459.6999999993</v>
      </c>
      <c r="J152" s="7">
        <v>41957523.68</v>
      </c>
      <c r="K152" s="7">
        <v>0.35</v>
      </c>
      <c r="L152" s="7">
        <v>10192476.32</v>
      </c>
    </row>
    <row r="153" spans="1:12" x14ac:dyDescent="0.25">
      <c r="A153" s="3" t="s">
        <v>299</v>
      </c>
      <c r="B153" s="5" t="s">
        <v>381</v>
      </c>
      <c r="C153" s="6">
        <v>144772000</v>
      </c>
      <c r="D153" s="6">
        <v>153380050.91</v>
      </c>
      <c r="E153" s="6">
        <v>8456047.5500000007</v>
      </c>
      <c r="F153" s="6">
        <v>153378047.55000001</v>
      </c>
      <c r="G153" s="6">
        <v>1.18</v>
      </c>
      <c r="H153" s="6">
        <v>2003.36</v>
      </c>
      <c r="I153" s="6">
        <v>23284370.760000002</v>
      </c>
      <c r="J153" s="6">
        <v>120892852.06</v>
      </c>
      <c r="K153" s="6">
        <v>1</v>
      </c>
      <c r="L153" s="6">
        <v>32487198.850000001</v>
      </c>
    </row>
    <row r="154" spans="1:12" x14ac:dyDescent="0.25">
      <c r="A154" s="2" t="s">
        <v>301</v>
      </c>
      <c r="B154" s="4" t="s">
        <v>383</v>
      </c>
      <c r="C154" s="7">
        <v>144772000</v>
      </c>
      <c r="D154" s="7">
        <v>153380050.91</v>
      </c>
      <c r="E154" s="7">
        <v>8456047.5500000007</v>
      </c>
      <c r="F154" s="7">
        <v>153378047.55000001</v>
      </c>
      <c r="G154" s="7">
        <v>1.18</v>
      </c>
      <c r="H154" s="7">
        <v>2003.36</v>
      </c>
      <c r="I154" s="7">
        <v>23284370.760000002</v>
      </c>
      <c r="J154" s="7">
        <v>120892852.06</v>
      </c>
      <c r="K154" s="7">
        <v>1</v>
      </c>
      <c r="L154" s="7">
        <v>32487198.850000001</v>
      </c>
    </row>
    <row r="155" spans="1:12" x14ac:dyDescent="0.25">
      <c r="A155" s="3" t="s">
        <v>303</v>
      </c>
      <c r="B155" s="5" t="s">
        <v>388</v>
      </c>
      <c r="C155" s="6">
        <v>81683000</v>
      </c>
      <c r="D155" s="6">
        <v>94180847.5</v>
      </c>
      <c r="E155" s="6">
        <v>13948212.35</v>
      </c>
      <c r="F155" s="6">
        <v>68419919.959999993</v>
      </c>
      <c r="G155" s="6">
        <v>0.53</v>
      </c>
      <c r="H155" s="6">
        <v>25760927.539999999</v>
      </c>
      <c r="I155" s="6">
        <v>13948212.35</v>
      </c>
      <c r="J155" s="6">
        <v>68419919.959999993</v>
      </c>
      <c r="K155" s="6">
        <v>0.56999999999999995</v>
      </c>
      <c r="L155" s="6">
        <v>25760927.539999999</v>
      </c>
    </row>
    <row r="156" spans="1:12" x14ac:dyDescent="0.25">
      <c r="A156" s="2" t="s">
        <v>305</v>
      </c>
      <c r="B156" s="4" t="s">
        <v>389</v>
      </c>
      <c r="C156" s="7">
        <v>50761200</v>
      </c>
      <c r="D156" s="7">
        <v>50761200</v>
      </c>
      <c r="E156" s="7">
        <v>7365353.7300000004</v>
      </c>
      <c r="F156" s="7">
        <v>35709107.07</v>
      </c>
      <c r="G156" s="7">
        <v>0.28000000000000003</v>
      </c>
      <c r="H156" s="7">
        <v>15052092.93</v>
      </c>
      <c r="I156" s="7">
        <v>7365353.7300000004</v>
      </c>
      <c r="J156" s="7">
        <v>35709107.07</v>
      </c>
      <c r="K156" s="7">
        <v>0.3</v>
      </c>
      <c r="L156" s="7">
        <v>15052092.93</v>
      </c>
    </row>
    <row r="157" spans="1:12" x14ac:dyDescent="0.25">
      <c r="A157" s="2" t="s">
        <v>307</v>
      </c>
      <c r="B157" s="4" t="s">
        <v>390</v>
      </c>
      <c r="C157" s="7">
        <v>1496800</v>
      </c>
      <c r="D157" s="7">
        <v>14679100</v>
      </c>
      <c r="E157" s="7">
        <v>2094497.27</v>
      </c>
      <c r="F157" s="7">
        <v>10538695.41</v>
      </c>
      <c r="G157" s="7">
        <v>0.08</v>
      </c>
      <c r="H157" s="7">
        <v>4140404.59</v>
      </c>
      <c r="I157" s="7">
        <v>2094497.27</v>
      </c>
      <c r="J157" s="7">
        <v>10538695.41</v>
      </c>
      <c r="K157" s="7">
        <v>0.09</v>
      </c>
      <c r="L157" s="7">
        <v>4140404.59</v>
      </c>
    </row>
    <row r="158" spans="1:12" x14ac:dyDescent="0.25">
      <c r="A158" s="2" t="s">
        <v>309</v>
      </c>
      <c r="B158" s="4" t="s">
        <v>385</v>
      </c>
      <c r="C158" s="7">
        <v>175000</v>
      </c>
      <c r="D158" s="7">
        <v>1000</v>
      </c>
      <c r="E158" s="7">
        <v>0</v>
      </c>
      <c r="F158" s="7">
        <v>0</v>
      </c>
      <c r="G158" s="7">
        <v>0</v>
      </c>
      <c r="H158" s="7">
        <v>1000</v>
      </c>
      <c r="I158" s="7">
        <v>0</v>
      </c>
      <c r="J158" s="7">
        <v>0</v>
      </c>
      <c r="K158" s="7">
        <v>0</v>
      </c>
      <c r="L158" s="7">
        <v>1000</v>
      </c>
    </row>
    <row r="159" spans="1:12" x14ac:dyDescent="0.25">
      <c r="A159" s="2" t="s">
        <v>311</v>
      </c>
      <c r="B159" s="4" t="s">
        <v>391</v>
      </c>
      <c r="C159" s="7">
        <v>29250000</v>
      </c>
      <c r="D159" s="7">
        <v>28739547.5</v>
      </c>
      <c r="E159" s="7">
        <v>4488361.3499999996</v>
      </c>
      <c r="F159" s="7">
        <v>22172117.48</v>
      </c>
      <c r="G159" s="7">
        <v>0.17</v>
      </c>
      <c r="H159" s="7">
        <v>6567430.0199999996</v>
      </c>
      <c r="I159" s="7">
        <v>4488361.3499999996</v>
      </c>
      <c r="J159" s="7">
        <v>22172117.48</v>
      </c>
      <c r="K159" s="7">
        <v>0.18</v>
      </c>
      <c r="L159" s="7">
        <v>6567430.0199999996</v>
      </c>
    </row>
    <row r="160" spans="1:12" x14ac:dyDescent="0.25">
      <c r="A160" s="3" t="s">
        <v>313</v>
      </c>
      <c r="B160" s="5" t="s">
        <v>392</v>
      </c>
      <c r="C160" s="6">
        <v>209339600</v>
      </c>
      <c r="D160" s="6">
        <v>321203078.75999999</v>
      </c>
      <c r="E160" s="6">
        <v>78417675.180000007</v>
      </c>
      <c r="F160" s="6">
        <v>306750630.47000003</v>
      </c>
      <c r="G160" s="6">
        <v>2.37</v>
      </c>
      <c r="H160" s="6">
        <v>14452448.289999999</v>
      </c>
      <c r="I160" s="6">
        <v>78446697.590000004</v>
      </c>
      <c r="J160" s="6">
        <v>306327191.01999998</v>
      </c>
      <c r="K160" s="6">
        <v>2.54</v>
      </c>
      <c r="L160" s="6">
        <v>14875887.74</v>
      </c>
    </row>
    <row r="161" spans="1:12" x14ac:dyDescent="0.25">
      <c r="A161" s="2" t="s">
        <v>315</v>
      </c>
      <c r="B161" s="4" t="s">
        <v>383</v>
      </c>
      <c r="C161" s="7">
        <v>25469200</v>
      </c>
      <c r="D161" s="7">
        <v>28201756.399999999</v>
      </c>
      <c r="E161" s="7">
        <v>3019283.37</v>
      </c>
      <c r="F161" s="7">
        <v>16075249.84</v>
      </c>
      <c r="G161" s="7">
        <v>0.12</v>
      </c>
      <c r="H161" s="7">
        <v>12126506.560000001</v>
      </c>
      <c r="I161" s="7">
        <v>3048305.78</v>
      </c>
      <c r="J161" s="7">
        <v>15651810.390000001</v>
      </c>
      <c r="K161" s="7">
        <v>0.13</v>
      </c>
      <c r="L161" s="7">
        <v>12549946.01</v>
      </c>
    </row>
    <row r="162" spans="1:12" x14ac:dyDescent="0.25">
      <c r="A162" s="2" t="s">
        <v>317</v>
      </c>
      <c r="B162" s="4" t="s">
        <v>393</v>
      </c>
      <c r="C162" s="7">
        <v>181029300</v>
      </c>
      <c r="D162" s="7">
        <v>290084152</v>
      </c>
      <c r="E162" s="7">
        <v>74963713.439999998</v>
      </c>
      <c r="F162" s="7">
        <v>288499097.81</v>
      </c>
      <c r="G162" s="7">
        <v>2.23</v>
      </c>
      <c r="H162" s="7">
        <v>1585054.19</v>
      </c>
      <c r="I162" s="7">
        <v>74963713.439999998</v>
      </c>
      <c r="J162" s="7">
        <v>288499097.81</v>
      </c>
      <c r="K162" s="7">
        <v>2.39</v>
      </c>
      <c r="L162" s="7">
        <v>1585054.19</v>
      </c>
    </row>
    <row r="163" spans="1:12" x14ac:dyDescent="0.25">
      <c r="A163" s="2" t="s">
        <v>319</v>
      </c>
      <c r="B163" s="4" t="s">
        <v>394</v>
      </c>
      <c r="C163" s="7">
        <v>2841100</v>
      </c>
      <c r="D163" s="7">
        <v>2917170.36</v>
      </c>
      <c r="E163" s="7">
        <v>434678.37</v>
      </c>
      <c r="F163" s="7">
        <v>2176282.8199999998</v>
      </c>
      <c r="G163" s="7">
        <v>0.02</v>
      </c>
      <c r="H163" s="7">
        <v>740887.54</v>
      </c>
      <c r="I163" s="7">
        <v>434678.37</v>
      </c>
      <c r="J163" s="7">
        <v>2176282.8199999998</v>
      </c>
      <c r="K163" s="7">
        <v>0.02</v>
      </c>
      <c r="L163" s="7">
        <v>740887.54</v>
      </c>
    </row>
    <row r="164" spans="1:12" x14ac:dyDescent="0.25">
      <c r="A164" s="3" t="s">
        <v>321</v>
      </c>
      <c r="B164" s="5" t="s">
        <v>396</v>
      </c>
      <c r="C164" s="6">
        <v>160623800</v>
      </c>
      <c r="D164" s="6">
        <v>500403658.50999999</v>
      </c>
      <c r="E164" s="6">
        <v>91499466.069999993</v>
      </c>
      <c r="F164" s="6">
        <v>482879950.25</v>
      </c>
      <c r="G164" s="6">
        <v>3.73</v>
      </c>
      <c r="H164" s="6">
        <v>17523708.260000002</v>
      </c>
      <c r="I164" s="6">
        <v>90914017.920000002</v>
      </c>
      <c r="J164" s="6">
        <v>477512811</v>
      </c>
      <c r="K164" s="6">
        <v>3.96</v>
      </c>
      <c r="L164" s="6">
        <v>22890847.510000002</v>
      </c>
    </row>
    <row r="165" spans="1:12" x14ac:dyDescent="0.25">
      <c r="A165" s="2" t="s">
        <v>323</v>
      </c>
      <c r="B165" s="4" t="s">
        <v>397</v>
      </c>
      <c r="C165" s="7">
        <v>160623800</v>
      </c>
      <c r="D165" s="7">
        <v>500403658.50999999</v>
      </c>
      <c r="E165" s="7">
        <v>91499466.069999993</v>
      </c>
      <c r="F165" s="7">
        <v>482879950.25</v>
      </c>
      <c r="G165" s="7">
        <v>3.73</v>
      </c>
      <c r="H165" s="7">
        <v>17523708.260000002</v>
      </c>
      <c r="I165" s="7">
        <v>90914017.920000002</v>
      </c>
      <c r="J165" s="7">
        <v>477512811</v>
      </c>
      <c r="K165" s="7">
        <v>3.96</v>
      </c>
      <c r="L165" s="7">
        <v>22890847.510000002</v>
      </c>
    </row>
    <row r="166" spans="1:12" x14ac:dyDescent="0.25">
      <c r="A166" s="3" t="s">
        <v>325</v>
      </c>
      <c r="B166" s="5" t="s">
        <v>400</v>
      </c>
      <c r="C166" s="6">
        <v>6780800</v>
      </c>
      <c r="D166" s="6">
        <v>9641107.4100000001</v>
      </c>
      <c r="E166" s="6">
        <v>1371726.74</v>
      </c>
      <c r="F166" s="6">
        <v>6957006.8099999996</v>
      </c>
      <c r="G166" s="6">
        <v>0.05</v>
      </c>
      <c r="H166" s="6">
        <v>2684100.6</v>
      </c>
      <c r="I166" s="6">
        <v>1442571.94</v>
      </c>
      <c r="J166" s="6">
        <v>6866855.0899999999</v>
      </c>
      <c r="K166" s="6">
        <v>0.06</v>
      </c>
      <c r="L166" s="6">
        <v>2774252.32</v>
      </c>
    </row>
    <row r="167" spans="1:12" x14ac:dyDescent="0.25">
      <c r="A167" s="2" t="s">
        <v>327</v>
      </c>
      <c r="B167" s="4" t="s">
        <v>403</v>
      </c>
      <c r="C167" s="7">
        <v>6780800</v>
      </c>
      <c r="D167" s="7">
        <v>9641107.4100000001</v>
      </c>
      <c r="E167" s="7">
        <v>1371726.74</v>
      </c>
      <c r="F167" s="7">
        <v>6957006.8099999996</v>
      </c>
      <c r="G167" s="7">
        <v>0.05</v>
      </c>
      <c r="H167" s="7">
        <v>2684100.6</v>
      </c>
      <c r="I167" s="7">
        <v>1442571.94</v>
      </c>
      <c r="J167" s="7">
        <v>6866855.0899999999</v>
      </c>
      <c r="K167" s="7">
        <v>0.06</v>
      </c>
      <c r="L167" s="7">
        <v>2774252.32</v>
      </c>
    </row>
    <row r="168" spans="1:12" x14ac:dyDescent="0.25">
      <c r="A168" s="3" t="s">
        <v>328</v>
      </c>
      <c r="B168" s="5" t="s">
        <v>406</v>
      </c>
      <c r="C168" s="6">
        <v>36000</v>
      </c>
      <c r="D168" s="6">
        <v>124400</v>
      </c>
      <c r="E168" s="6">
        <v>36158</v>
      </c>
      <c r="F168" s="6">
        <v>110651</v>
      </c>
      <c r="G168" s="6">
        <v>0</v>
      </c>
      <c r="H168" s="6">
        <v>13749</v>
      </c>
      <c r="I168" s="6">
        <v>16700.830000000002</v>
      </c>
      <c r="J168" s="6">
        <v>81502.850000000006</v>
      </c>
      <c r="K168" s="6">
        <v>0</v>
      </c>
      <c r="L168" s="6">
        <v>42897.15</v>
      </c>
    </row>
    <row r="169" spans="1:12" x14ac:dyDescent="0.25">
      <c r="A169" s="2" t="s">
        <v>329</v>
      </c>
      <c r="B169" s="4" t="s">
        <v>407</v>
      </c>
      <c r="C169" s="7">
        <v>36000</v>
      </c>
      <c r="D169" s="7">
        <v>124400</v>
      </c>
      <c r="E169" s="7">
        <v>36158</v>
      </c>
      <c r="F169" s="7">
        <v>110651</v>
      </c>
      <c r="G169" s="7">
        <v>0</v>
      </c>
      <c r="H169" s="7">
        <v>13749</v>
      </c>
      <c r="I169" s="7">
        <v>16700.830000000002</v>
      </c>
      <c r="J169" s="7">
        <v>81502.850000000006</v>
      </c>
      <c r="K169" s="7">
        <v>0</v>
      </c>
      <c r="L169" s="7">
        <v>42897.15</v>
      </c>
    </row>
    <row r="170" spans="1:12" x14ac:dyDescent="0.25">
      <c r="A170" s="3" t="s">
        <v>330</v>
      </c>
      <c r="B170" s="5" t="s">
        <v>408</v>
      </c>
      <c r="C170" s="6">
        <v>80748000</v>
      </c>
      <c r="D170" s="6">
        <v>75737682.969999999</v>
      </c>
      <c r="E170" s="6">
        <v>13528431.34</v>
      </c>
      <c r="F170" s="6">
        <v>66065723.469999999</v>
      </c>
      <c r="G170" s="6">
        <v>0.51</v>
      </c>
      <c r="H170" s="6">
        <v>9671959.5</v>
      </c>
      <c r="I170" s="6">
        <v>13517757.369999999</v>
      </c>
      <c r="J170" s="6">
        <v>66054790.399999999</v>
      </c>
      <c r="K170" s="6">
        <v>0.55000000000000004</v>
      </c>
      <c r="L170" s="6">
        <v>9682892.5700000003</v>
      </c>
    </row>
    <row r="171" spans="1:12" x14ac:dyDescent="0.25">
      <c r="A171" s="2" t="s">
        <v>331</v>
      </c>
      <c r="B171" s="4" t="s">
        <v>383</v>
      </c>
      <c r="C171" s="7">
        <v>80748000</v>
      </c>
      <c r="D171" s="7">
        <v>75727765.969999999</v>
      </c>
      <c r="E171" s="7">
        <v>13528431.34</v>
      </c>
      <c r="F171" s="7">
        <v>66055806.469999999</v>
      </c>
      <c r="G171" s="7">
        <v>0.51</v>
      </c>
      <c r="H171" s="7">
        <v>9671959.5</v>
      </c>
      <c r="I171" s="7">
        <v>13517757.369999999</v>
      </c>
      <c r="J171" s="7">
        <v>66044873.399999999</v>
      </c>
      <c r="K171" s="7">
        <v>0.55000000000000004</v>
      </c>
      <c r="L171" s="7">
        <v>9682892.5700000003</v>
      </c>
    </row>
    <row r="172" spans="1:12" x14ac:dyDescent="0.25">
      <c r="A172" s="2" t="s">
        <v>332</v>
      </c>
      <c r="B172" s="4" t="s">
        <v>409</v>
      </c>
      <c r="C172" s="7">
        <v>0</v>
      </c>
      <c r="D172" s="7">
        <v>0</v>
      </c>
      <c r="E172" s="7">
        <v>0</v>
      </c>
      <c r="F172" s="7">
        <v>0</v>
      </c>
      <c r="G172" s="7">
        <v>0</v>
      </c>
      <c r="H172" s="7">
        <v>0</v>
      </c>
      <c r="I172" s="7">
        <v>0</v>
      </c>
      <c r="J172" s="7">
        <v>0</v>
      </c>
      <c r="K172" s="7">
        <v>0</v>
      </c>
      <c r="L172" s="7">
        <v>0</v>
      </c>
    </row>
    <row r="173" spans="1:12" x14ac:dyDescent="0.25">
      <c r="A173" s="2" t="s">
        <v>333</v>
      </c>
      <c r="B173" s="4" t="s">
        <v>410</v>
      </c>
      <c r="C173" s="7">
        <v>0</v>
      </c>
      <c r="D173" s="7">
        <v>0</v>
      </c>
      <c r="E173" s="7">
        <v>0</v>
      </c>
      <c r="F173" s="7">
        <v>0</v>
      </c>
      <c r="G173" s="7">
        <v>0</v>
      </c>
      <c r="H173" s="7">
        <v>0</v>
      </c>
      <c r="I173" s="7">
        <v>0</v>
      </c>
      <c r="J173" s="7">
        <v>0</v>
      </c>
      <c r="K173" s="7">
        <v>0</v>
      </c>
      <c r="L173" s="7">
        <v>0</v>
      </c>
    </row>
    <row r="174" spans="1:12" x14ac:dyDescent="0.25">
      <c r="A174" s="2" t="s">
        <v>334</v>
      </c>
      <c r="B174" s="4" t="s">
        <v>413</v>
      </c>
      <c r="C174" s="7">
        <v>0</v>
      </c>
      <c r="D174" s="7">
        <v>0</v>
      </c>
      <c r="E174" s="7">
        <v>0</v>
      </c>
      <c r="F174" s="7">
        <v>0</v>
      </c>
      <c r="G174" s="7">
        <v>0</v>
      </c>
      <c r="H174" s="7">
        <v>0</v>
      </c>
      <c r="I174" s="7">
        <v>0</v>
      </c>
      <c r="J174" s="7">
        <v>0</v>
      </c>
      <c r="K174" s="7">
        <v>0</v>
      </c>
      <c r="L174" s="7">
        <v>0</v>
      </c>
    </row>
    <row r="175" spans="1:12" x14ac:dyDescent="0.25">
      <c r="A175" s="2" t="s">
        <v>335</v>
      </c>
      <c r="B175" s="4" t="s">
        <v>391</v>
      </c>
      <c r="C175" s="7">
        <v>0</v>
      </c>
      <c r="D175" s="7">
        <v>9917</v>
      </c>
      <c r="E175" s="7">
        <v>0</v>
      </c>
      <c r="F175" s="7">
        <v>9917</v>
      </c>
      <c r="G175" s="7">
        <v>0</v>
      </c>
      <c r="H175" s="7">
        <v>0</v>
      </c>
      <c r="I175" s="7">
        <v>0</v>
      </c>
      <c r="J175" s="7">
        <v>9917</v>
      </c>
      <c r="K175" s="7">
        <v>0</v>
      </c>
      <c r="L175" s="7">
        <v>0</v>
      </c>
    </row>
    <row r="176" spans="1:12" x14ac:dyDescent="0.25">
      <c r="A176" s="3" t="s">
        <v>337</v>
      </c>
      <c r="B176" s="5" t="s">
        <v>417</v>
      </c>
      <c r="C176" s="6">
        <v>1297700</v>
      </c>
      <c r="D176" s="6">
        <v>2179623.31</v>
      </c>
      <c r="E176" s="6">
        <v>364466.89</v>
      </c>
      <c r="F176" s="6">
        <v>2050143.81</v>
      </c>
      <c r="G176" s="6">
        <v>0.02</v>
      </c>
      <c r="H176" s="6">
        <v>129479.5</v>
      </c>
      <c r="I176" s="6">
        <v>364466.89</v>
      </c>
      <c r="J176" s="6">
        <v>2050143.81</v>
      </c>
      <c r="K176" s="6">
        <v>0.02</v>
      </c>
      <c r="L176" s="6">
        <v>129479.5</v>
      </c>
    </row>
    <row r="177" spans="1:12" x14ac:dyDescent="0.25">
      <c r="A177" s="2" t="s">
        <v>339</v>
      </c>
      <c r="B177" s="4" t="s">
        <v>383</v>
      </c>
      <c r="C177" s="7">
        <v>1297700</v>
      </c>
      <c r="D177" s="7">
        <v>2179623.31</v>
      </c>
      <c r="E177" s="7">
        <v>364466.89</v>
      </c>
      <c r="F177" s="7">
        <v>2050143.81</v>
      </c>
      <c r="G177" s="7">
        <v>0.02</v>
      </c>
      <c r="H177" s="7">
        <v>129479.5</v>
      </c>
      <c r="I177" s="7">
        <v>364466.89</v>
      </c>
      <c r="J177" s="7">
        <v>2050143.81</v>
      </c>
      <c r="K177" s="7">
        <v>0.02</v>
      </c>
      <c r="L177" s="7">
        <v>129479.5</v>
      </c>
    </row>
    <row r="178" spans="1:12" x14ac:dyDescent="0.25">
      <c r="A178" s="3" t="s">
        <v>341</v>
      </c>
      <c r="B178" s="5" t="s">
        <v>419</v>
      </c>
      <c r="C178" s="6">
        <v>211065700</v>
      </c>
      <c r="D178" s="6">
        <v>664000000.88999999</v>
      </c>
      <c r="E178" s="6">
        <v>162297495.75999999</v>
      </c>
      <c r="F178" s="6">
        <v>606884708.08000004</v>
      </c>
      <c r="G178" s="6">
        <v>4.68</v>
      </c>
      <c r="H178" s="6">
        <v>57115292.810000002</v>
      </c>
      <c r="I178" s="6">
        <v>163206078.24000001</v>
      </c>
      <c r="J178" s="6">
        <v>606665644.42999995</v>
      </c>
      <c r="K178" s="6">
        <v>5.03</v>
      </c>
      <c r="L178" s="6">
        <v>57334356.460000001</v>
      </c>
    </row>
    <row r="179" spans="1:12" x14ac:dyDescent="0.25">
      <c r="A179" s="2" t="s">
        <v>343</v>
      </c>
      <c r="B179" s="4" t="s">
        <v>383</v>
      </c>
      <c r="C179" s="7">
        <v>211065700</v>
      </c>
      <c r="D179" s="7">
        <v>664000000.88999999</v>
      </c>
      <c r="E179" s="7">
        <v>162297495.75999999</v>
      </c>
      <c r="F179" s="7">
        <v>606884708.08000004</v>
      </c>
      <c r="G179" s="7">
        <v>4.68</v>
      </c>
      <c r="H179" s="7">
        <v>57115292.810000002</v>
      </c>
      <c r="I179" s="7">
        <v>163206078.24000001</v>
      </c>
      <c r="J179" s="7">
        <v>606665644.42999995</v>
      </c>
      <c r="K179" s="7">
        <v>5.03</v>
      </c>
      <c r="L179" s="7">
        <v>57334356.460000001</v>
      </c>
    </row>
    <row r="180" spans="1:12" x14ac:dyDescent="0.25">
      <c r="A180" s="3" t="s">
        <v>346</v>
      </c>
      <c r="B180" s="5" t="s">
        <v>428</v>
      </c>
      <c r="C180" s="6">
        <v>1320600</v>
      </c>
      <c r="D180" s="6">
        <v>1438716.31</v>
      </c>
      <c r="E180" s="6">
        <v>244309.59</v>
      </c>
      <c r="F180" s="6">
        <v>1274672.78</v>
      </c>
      <c r="G180" s="6">
        <v>0.01</v>
      </c>
      <c r="H180" s="6">
        <v>164043.53</v>
      </c>
      <c r="I180" s="6">
        <v>244309.59</v>
      </c>
      <c r="J180" s="6">
        <v>1274672.78</v>
      </c>
      <c r="K180" s="6">
        <v>0.01</v>
      </c>
      <c r="L180" s="6">
        <v>164043.53</v>
      </c>
    </row>
    <row r="181" spans="1:12" x14ac:dyDescent="0.25">
      <c r="A181" s="2" t="s">
        <v>348</v>
      </c>
      <c r="B181" s="4" t="s">
        <v>429</v>
      </c>
      <c r="C181" s="7">
        <v>1320600</v>
      </c>
      <c r="D181" s="7">
        <v>1438716.31</v>
      </c>
      <c r="E181" s="7">
        <v>244309.59</v>
      </c>
      <c r="F181" s="7">
        <v>1274672.78</v>
      </c>
      <c r="G181" s="7">
        <v>0.01</v>
      </c>
      <c r="H181" s="7">
        <v>164043.53</v>
      </c>
      <c r="I181" s="7">
        <v>244309.59</v>
      </c>
      <c r="J181" s="7">
        <v>1274672.78</v>
      </c>
      <c r="K181" s="7">
        <v>0.01</v>
      </c>
      <c r="L181" s="7">
        <v>164043.53</v>
      </c>
    </row>
    <row r="182" spans="1:12" x14ac:dyDescent="0.25">
      <c r="A182" s="3" t="s">
        <v>350</v>
      </c>
      <c r="B182" s="5" t="s">
        <v>430</v>
      </c>
      <c r="C182" s="6">
        <v>38849800</v>
      </c>
      <c r="D182" s="6">
        <v>42417800</v>
      </c>
      <c r="E182" s="6">
        <v>5905577.2800000003</v>
      </c>
      <c r="F182" s="6">
        <v>29867949.23</v>
      </c>
      <c r="G182" s="6">
        <v>0.23</v>
      </c>
      <c r="H182" s="6">
        <v>12549850.77</v>
      </c>
      <c r="I182" s="6">
        <v>5905577.2800000003</v>
      </c>
      <c r="J182" s="6">
        <v>29867949.219999999</v>
      </c>
      <c r="K182" s="6">
        <v>0.24</v>
      </c>
      <c r="L182" s="6">
        <v>12549850.779999999</v>
      </c>
    </row>
    <row r="183" spans="1:12" x14ac:dyDescent="0.25">
      <c r="A183" s="2" t="s">
        <v>352</v>
      </c>
      <c r="B183" s="4" t="s">
        <v>431</v>
      </c>
      <c r="C183" s="7">
        <v>751600</v>
      </c>
      <c r="D183" s="7">
        <v>808600</v>
      </c>
      <c r="E183" s="7">
        <v>103351.42</v>
      </c>
      <c r="F183" s="7">
        <v>517110.07</v>
      </c>
      <c r="G183" s="7">
        <v>0</v>
      </c>
      <c r="H183" s="7">
        <v>291489.93</v>
      </c>
      <c r="I183" s="7">
        <v>103351.42</v>
      </c>
      <c r="J183" s="7">
        <v>517110.07</v>
      </c>
      <c r="K183" s="7">
        <v>0</v>
      </c>
      <c r="L183" s="7">
        <v>291489.93</v>
      </c>
    </row>
    <row r="184" spans="1:12" x14ac:dyDescent="0.25">
      <c r="A184" s="2" t="s">
        <v>354</v>
      </c>
      <c r="B184" s="4" t="s">
        <v>432</v>
      </c>
      <c r="C184" s="7">
        <v>38098200</v>
      </c>
      <c r="D184" s="7">
        <v>41609200</v>
      </c>
      <c r="E184" s="7">
        <v>5802225.8600000003</v>
      </c>
      <c r="F184" s="7">
        <v>29350839.16</v>
      </c>
      <c r="G184" s="7">
        <v>0.23</v>
      </c>
      <c r="H184" s="7">
        <v>12258360.84</v>
      </c>
      <c r="I184" s="7">
        <v>5802225.8600000003</v>
      </c>
      <c r="J184" s="7">
        <v>29350839.149999999</v>
      </c>
      <c r="K184" s="7">
        <v>0.24</v>
      </c>
      <c r="L184" s="7">
        <v>12258360.85</v>
      </c>
    </row>
    <row r="185" spans="1:12" x14ac:dyDescent="0.25">
      <c r="A185" s="3" t="s">
        <v>356</v>
      </c>
      <c r="B185" s="5" t="s">
        <v>436</v>
      </c>
      <c r="C185" s="6">
        <v>961300</v>
      </c>
      <c r="D185" s="6">
        <v>1145300</v>
      </c>
      <c r="E185" s="6">
        <v>187108.77</v>
      </c>
      <c r="F185" s="6">
        <v>932150.22</v>
      </c>
      <c r="G185" s="6">
        <v>0.01</v>
      </c>
      <c r="H185" s="6">
        <v>213149.78</v>
      </c>
      <c r="I185" s="6">
        <v>187108.77</v>
      </c>
      <c r="J185" s="6">
        <v>932150.22</v>
      </c>
      <c r="K185" s="6">
        <v>0.01</v>
      </c>
      <c r="L185" s="6">
        <v>213149.78</v>
      </c>
    </row>
    <row r="186" spans="1:12" x14ac:dyDescent="0.25">
      <c r="A186" s="2" t="s">
        <v>358</v>
      </c>
      <c r="B186" s="4" t="s">
        <v>383</v>
      </c>
      <c r="C186" s="7">
        <v>961300</v>
      </c>
      <c r="D186" s="7">
        <v>1145300</v>
      </c>
      <c r="E186" s="7">
        <v>187108.77</v>
      </c>
      <c r="F186" s="7">
        <v>932150.22</v>
      </c>
      <c r="G186" s="7">
        <v>0.01</v>
      </c>
      <c r="H186" s="7">
        <v>213149.78</v>
      </c>
      <c r="I186" s="7">
        <v>187108.77</v>
      </c>
      <c r="J186" s="7">
        <v>932150.22</v>
      </c>
      <c r="K186" s="7">
        <v>0.01</v>
      </c>
      <c r="L186" s="7">
        <v>213149.78</v>
      </c>
    </row>
    <row r="187" spans="1:12" x14ac:dyDescent="0.25">
      <c r="A187" s="3" t="s">
        <v>360</v>
      </c>
      <c r="B187" s="5" t="s">
        <v>440</v>
      </c>
      <c r="C187" s="6">
        <v>4598200</v>
      </c>
      <c r="D187" s="6">
        <v>7839191.5199999996</v>
      </c>
      <c r="E187" s="6">
        <v>904028</v>
      </c>
      <c r="F187" s="6">
        <v>4671262.79</v>
      </c>
      <c r="G187" s="6">
        <v>0.04</v>
      </c>
      <c r="H187" s="6">
        <v>3167928.73</v>
      </c>
      <c r="I187" s="6">
        <v>904028</v>
      </c>
      <c r="J187" s="6">
        <v>4671262.79</v>
      </c>
      <c r="K187" s="6">
        <v>0.04</v>
      </c>
      <c r="L187" s="6">
        <v>3167928.73</v>
      </c>
    </row>
    <row r="188" spans="1:12" x14ac:dyDescent="0.25">
      <c r="A188" s="2" t="s">
        <v>362</v>
      </c>
      <c r="B188" s="4" t="s">
        <v>383</v>
      </c>
      <c r="C188" s="7">
        <v>4598200</v>
      </c>
      <c r="D188" s="7">
        <v>7839191.5199999996</v>
      </c>
      <c r="E188" s="7">
        <v>904028</v>
      </c>
      <c r="F188" s="7">
        <v>4671262.79</v>
      </c>
      <c r="G188" s="7">
        <v>0.04</v>
      </c>
      <c r="H188" s="7">
        <v>3167928.73</v>
      </c>
      <c r="I188" s="7">
        <v>904028</v>
      </c>
      <c r="J188" s="7">
        <v>4671262.79</v>
      </c>
      <c r="K188" s="7">
        <v>0.04</v>
      </c>
      <c r="L188" s="7">
        <v>3167928.73</v>
      </c>
    </row>
    <row r="189" spans="1:12" x14ac:dyDescent="0.25">
      <c r="A189" s="3" t="s">
        <v>364</v>
      </c>
      <c r="B189" s="5" t="s">
        <v>446</v>
      </c>
      <c r="C189" s="6">
        <v>25686400</v>
      </c>
      <c r="D189" s="6">
        <v>32651300</v>
      </c>
      <c r="E189" s="6">
        <v>5835397.9299999997</v>
      </c>
      <c r="F189" s="6">
        <v>29837027.030000001</v>
      </c>
      <c r="G189" s="6">
        <v>0.23</v>
      </c>
      <c r="H189" s="6">
        <v>2814272.97</v>
      </c>
      <c r="I189" s="6">
        <v>5844431.7000000002</v>
      </c>
      <c r="J189" s="6">
        <v>29836656.420000002</v>
      </c>
      <c r="K189" s="6">
        <v>0.25</v>
      </c>
      <c r="L189" s="6">
        <v>2814643.58</v>
      </c>
    </row>
    <row r="190" spans="1:12" x14ac:dyDescent="0.25">
      <c r="A190" s="2" t="s">
        <v>479</v>
      </c>
      <c r="B190" s="4" t="s">
        <v>383</v>
      </c>
      <c r="C190" s="7">
        <v>25686400</v>
      </c>
      <c r="D190" s="7">
        <v>32651300</v>
      </c>
      <c r="E190" s="7">
        <v>5835397.9299999997</v>
      </c>
      <c r="F190" s="7">
        <v>29837027.030000001</v>
      </c>
      <c r="G190" s="7">
        <v>0.23</v>
      </c>
      <c r="H190" s="7">
        <v>2814272.97</v>
      </c>
      <c r="I190" s="7">
        <v>5844431.7000000002</v>
      </c>
      <c r="J190" s="7">
        <v>29836656.420000002</v>
      </c>
      <c r="K190" s="7">
        <v>0.25</v>
      </c>
      <c r="L190" s="7">
        <v>2814643.58</v>
      </c>
    </row>
    <row r="191" spans="1:12" x14ac:dyDescent="0.25">
      <c r="A191" s="3" t="s">
        <v>480</v>
      </c>
      <c r="B191" s="5" t="s">
        <v>456</v>
      </c>
      <c r="C191" s="6">
        <v>3640400</v>
      </c>
      <c r="D191" s="6">
        <v>3718934</v>
      </c>
      <c r="E191" s="6">
        <v>460611.29</v>
      </c>
      <c r="F191" s="6">
        <v>2367689.7400000002</v>
      </c>
      <c r="G191" s="6">
        <v>0.02</v>
      </c>
      <c r="H191" s="6">
        <v>1351244.26</v>
      </c>
      <c r="I191" s="6">
        <v>460611.29</v>
      </c>
      <c r="J191" s="6">
        <v>2367689.7400000002</v>
      </c>
      <c r="K191" s="6">
        <v>0.02</v>
      </c>
      <c r="L191" s="6">
        <v>1351244.26</v>
      </c>
    </row>
    <row r="192" spans="1:12" x14ac:dyDescent="0.25">
      <c r="A192" s="2" t="s">
        <v>481</v>
      </c>
      <c r="B192" s="4" t="s">
        <v>457</v>
      </c>
      <c r="C192" s="7">
        <v>1980000</v>
      </c>
      <c r="D192" s="7">
        <v>1924000</v>
      </c>
      <c r="E192" s="7">
        <v>244252.51</v>
      </c>
      <c r="F192" s="7">
        <v>1208675.98</v>
      </c>
      <c r="G192" s="7">
        <v>0.01</v>
      </c>
      <c r="H192" s="7">
        <v>715324.02</v>
      </c>
      <c r="I192" s="7">
        <v>244252.51</v>
      </c>
      <c r="J192" s="7">
        <v>1208675.98</v>
      </c>
      <c r="K192" s="7">
        <v>0.01</v>
      </c>
      <c r="L192" s="7">
        <v>715324.02</v>
      </c>
    </row>
    <row r="193" spans="1:12" x14ac:dyDescent="0.25">
      <c r="A193" s="2" t="s">
        <v>482</v>
      </c>
      <c r="B193" s="4" t="s">
        <v>458</v>
      </c>
      <c r="C193" s="7">
        <v>1660400</v>
      </c>
      <c r="D193" s="7">
        <v>1794934</v>
      </c>
      <c r="E193" s="7">
        <v>216358.78</v>
      </c>
      <c r="F193" s="7">
        <v>1159013.76</v>
      </c>
      <c r="G193" s="7">
        <v>0.01</v>
      </c>
      <c r="H193" s="7">
        <v>635920.24</v>
      </c>
      <c r="I193" s="7">
        <v>216358.78</v>
      </c>
      <c r="J193" s="7">
        <v>1159013.76</v>
      </c>
      <c r="K193" s="7">
        <v>0.01</v>
      </c>
      <c r="L193" s="7">
        <v>635920.24</v>
      </c>
    </row>
    <row r="194" spans="1:12" x14ac:dyDescent="0.25">
      <c r="A194" s="3" t="s">
        <v>483</v>
      </c>
      <c r="B194" s="5" t="s">
        <v>464</v>
      </c>
      <c r="C194" s="6">
        <v>17490400</v>
      </c>
      <c r="D194" s="6">
        <v>32384660.420000002</v>
      </c>
      <c r="E194" s="6">
        <v>5585464.7699999996</v>
      </c>
      <c r="F194" s="6">
        <v>30839023.300000001</v>
      </c>
      <c r="G194" s="6">
        <v>0.24</v>
      </c>
      <c r="H194" s="6">
        <v>1545637.12</v>
      </c>
      <c r="I194" s="6">
        <v>5585464.7699999996</v>
      </c>
      <c r="J194" s="6">
        <v>30839023.300000001</v>
      </c>
      <c r="K194" s="6">
        <v>0.26</v>
      </c>
      <c r="L194" s="6">
        <v>1545637.12</v>
      </c>
    </row>
    <row r="195" spans="1:12" x14ac:dyDescent="0.25">
      <c r="A195" s="2" t="s">
        <v>484</v>
      </c>
      <c r="B195" s="4" t="s">
        <v>383</v>
      </c>
      <c r="C195" s="7">
        <v>17490400</v>
      </c>
      <c r="D195" s="7">
        <v>32384660.420000002</v>
      </c>
      <c r="E195" s="7">
        <v>5585464.7699999996</v>
      </c>
      <c r="F195" s="7">
        <v>30839023.300000001</v>
      </c>
      <c r="G195" s="7">
        <v>0.24</v>
      </c>
      <c r="H195" s="7">
        <v>1545637.12</v>
      </c>
      <c r="I195" s="7">
        <v>5585464.7699999996</v>
      </c>
      <c r="J195" s="7">
        <v>30839023.300000001</v>
      </c>
      <c r="K195" s="7">
        <v>0.26</v>
      </c>
      <c r="L195" s="7">
        <v>1545637.12</v>
      </c>
    </row>
    <row r="196" spans="1:12" x14ac:dyDescent="0.25">
      <c r="A196" s="3" t="s">
        <v>485</v>
      </c>
      <c r="B196" s="5" t="s">
        <v>469</v>
      </c>
      <c r="C196" s="6">
        <v>134800</v>
      </c>
      <c r="D196" s="6">
        <v>291643.03999999998</v>
      </c>
      <c r="E196" s="6">
        <v>57495.6</v>
      </c>
      <c r="F196" s="6">
        <v>267504.67</v>
      </c>
      <c r="G196" s="6">
        <v>0</v>
      </c>
      <c r="H196" s="6">
        <v>24138.37</v>
      </c>
      <c r="I196" s="6">
        <v>57495.6</v>
      </c>
      <c r="J196" s="6">
        <v>267504.67</v>
      </c>
      <c r="K196" s="6">
        <v>0</v>
      </c>
      <c r="L196" s="6">
        <v>24138.37</v>
      </c>
    </row>
    <row r="197" spans="1:12" x14ac:dyDescent="0.25">
      <c r="A197" s="2" t="s">
        <v>486</v>
      </c>
      <c r="B197" s="4" t="s">
        <v>470</v>
      </c>
      <c r="C197" s="7">
        <v>0</v>
      </c>
      <c r="D197" s="7">
        <v>6638.09</v>
      </c>
      <c r="E197" s="7">
        <v>0</v>
      </c>
      <c r="F197" s="7">
        <v>6638.08</v>
      </c>
      <c r="G197" s="7">
        <v>0</v>
      </c>
      <c r="H197" s="7">
        <v>0.01</v>
      </c>
      <c r="I197" s="7">
        <v>0</v>
      </c>
      <c r="J197" s="7">
        <v>6638.08</v>
      </c>
      <c r="K197" s="7">
        <v>0</v>
      </c>
      <c r="L197" s="7">
        <v>0.01</v>
      </c>
    </row>
    <row r="198" spans="1:12" x14ac:dyDescent="0.25">
      <c r="A198" s="2" t="s">
        <v>487</v>
      </c>
      <c r="B198" s="4" t="s">
        <v>471</v>
      </c>
      <c r="C198" s="7">
        <v>134800</v>
      </c>
      <c r="D198" s="7">
        <v>285004.95</v>
      </c>
      <c r="E198" s="7">
        <v>57495.6</v>
      </c>
      <c r="F198" s="7">
        <v>260866.59</v>
      </c>
      <c r="G198" s="7">
        <v>0</v>
      </c>
      <c r="H198" s="7">
        <v>24138.36</v>
      </c>
      <c r="I198" s="7">
        <v>57495.6</v>
      </c>
      <c r="J198" s="7">
        <v>260866.59</v>
      </c>
      <c r="K198" s="7">
        <v>0</v>
      </c>
      <c r="L198" s="7">
        <v>24138.36</v>
      </c>
    </row>
    <row r="199" spans="1:12" x14ac:dyDescent="0.25">
      <c r="A199" s="3" t="s">
        <v>488</v>
      </c>
      <c r="B199" s="5" t="s">
        <v>472</v>
      </c>
      <c r="C199" s="6">
        <v>303554800</v>
      </c>
      <c r="D199" s="6">
        <v>57870229.920000002</v>
      </c>
      <c r="E199" s="6">
        <v>6247844.6399999997</v>
      </c>
      <c r="F199" s="6">
        <v>30945185.530000001</v>
      </c>
      <c r="G199" s="6">
        <v>0.24</v>
      </c>
      <c r="H199" s="6">
        <v>26925044.390000001</v>
      </c>
      <c r="I199" s="6">
        <v>6258544.8099999996</v>
      </c>
      <c r="J199" s="6">
        <v>30945185.43</v>
      </c>
      <c r="K199" s="6">
        <v>0.26</v>
      </c>
      <c r="L199" s="6">
        <v>26925044.489999998</v>
      </c>
    </row>
    <row r="200" spans="1:12" x14ac:dyDescent="0.25">
      <c r="A200" s="2" t="s">
        <v>489</v>
      </c>
      <c r="B200" s="4" t="s">
        <v>405</v>
      </c>
      <c r="C200" s="7">
        <v>1902000</v>
      </c>
      <c r="D200" s="7">
        <v>3002000</v>
      </c>
      <c r="E200" s="7">
        <v>512612.42</v>
      </c>
      <c r="F200" s="7">
        <v>2264607.16</v>
      </c>
      <c r="G200" s="7">
        <v>0.02</v>
      </c>
      <c r="H200" s="7">
        <v>737392.84</v>
      </c>
      <c r="I200" s="7">
        <v>523312.69</v>
      </c>
      <c r="J200" s="7">
        <v>2264607.16</v>
      </c>
      <c r="K200" s="7">
        <v>0.02</v>
      </c>
      <c r="L200" s="7">
        <v>737392.84</v>
      </c>
    </row>
    <row r="201" spans="1:12" x14ac:dyDescent="0.25">
      <c r="A201" s="2" t="s">
        <v>490</v>
      </c>
      <c r="B201" s="4" t="s">
        <v>387</v>
      </c>
      <c r="C201" s="7">
        <v>301652800</v>
      </c>
      <c r="D201" s="7">
        <v>54868229.920000002</v>
      </c>
      <c r="E201" s="7">
        <v>5735232.2199999997</v>
      </c>
      <c r="F201" s="7">
        <v>28680578.370000001</v>
      </c>
      <c r="G201" s="7">
        <v>0.22</v>
      </c>
      <c r="H201" s="7">
        <v>26187651.550000001</v>
      </c>
      <c r="I201" s="7">
        <v>5735232.1200000001</v>
      </c>
      <c r="J201" s="7">
        <v>28680578.27</v>
      </c>
      <c r="K201" s="7">
        <v>0.24</v>
      </c>
      <c r="L201" s="7">
        <v>26187651.649999999</v>
      </c>
    </row>
    <row r="202" spans="1:12" x14ac:dyDescent="0.25">
      <c r="A202" s="3" t="s">
        <v>491</v>
      </c>
      <c r="B202" s="5" t="s">
        <v>492</v>
      </c>
      <c r="C202" s="6">
        <v>15048000000</v>
      </c>
      <c r="D202" s="6">
        <v>16548885818.52</v>
      </c>
      <c r="E202" s="6">
        <v>2384093421.5</v>
      </c>
      <c r="F202" s="6">
        <v>12958645111.129999</v>
      </c>
      <c r="G202" s="6">
        <v>99.99</v>
      </c>
      <c r="H202" s="6">
        <v>3590240707.3899999</v>
      </c>
      <c r="I202" s="6">
        <v>2629738155.8000002</v>
      </c>
      <c r="J202" s="6">
        <v>12057278911.85</v>
      </c>
      <c r="K202" s="6">
        <v>99.99</v>
      </c>
      <c r="L202" s="6">
        <v>4491606906.6700001</v>
      </c>
    </row>
  </sheetData>
  <mergeCells count="14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topLeftCell="I22" workbookViewId="0">
      <selection activeCell="O38" sqref="O38"/>
    </sheetView>
  </sheetViews>
  <sheetFormatPr defaultRowHeight="15" x14ac:dyDescent="0.25"/>
  <cols>
    <col min="2" max="2" width="48.5703125" bestFit="1" customWidth="1"/>
    <col min="3" max="14" width="19" bestFit="1" customWidth="1"/>
    <col min="15" max="16" width="20.140625" bestFit="1" customWidth="1"/>
  </cols>
  <sheetData>
    <row r="3" spans="1:16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</row>
    <row r="4" spans="1:16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</row>
    <row r="5" spans="1:16" x14ac:dyDescent="0.25">
      <c r="A5" s="12" t="s">
        <v>493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</row>
    <row r="6" spans="1:16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  <c r="O6" s="10"/>
      <c r="P6" s="10"/>
    </row>
    <row r="7" spans="1:16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</row>
    <row r="9" spans="1:16" x14ac:dyDescent="0.25">
      <c r="A9" s="9" t="s">
        <v>494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</row>
    <row r="10" spans="1:16" x14ac:dyDescent="0.25">
      <c r="A10" s="8" t="s">
        <v>6</v>
      </c>
      <c r="B10" s="8" t="s">
        <v>495</v>
      </c>
      <c r="C10" s="8" t="s">
        <v>496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</v>
      </c>
      <c r="O10" s="8" t="s">
        <v>509</v>
      </c>
      <c r="P10" s="8" t="s">
        <v>510</v>
      </c>
    </row>
    <row r="11" spans="1:16" x14ac:dyDescent="0.25">
      <c r="A11" s="8" t="s">
        <v>7</v>
      </c>
      <c r="B11" s="8" t="s">
        <v>7</v>
      </c>
      <c r="C11" s="1" t="s">
        <v>497</v>
      </c>
      <c r="D11" s="1" t="s">
        <v>498</v>
      </c>
      <c r="E11" s="1" t="s">
        <v>499</v>
      </c>
      <c r="F11" s="1" t="s">
        <v>500</v>
      </c>
      <c r="G11" s="1" t="s">
        <v>501</v>
      </c>
      <c r="H11" s="1" t="s">
        <v>502</v>
      </c>
      <c r="I11" s="1" t="s">
        <v>503</v>
      </c>
      <c r="J11" s="1" t="s">
        <v>504</v>
      </c>
      <c r="K11" s="1" t="s">
        <v>505</v>
      </c>
      <c r="L11" s="1" t="s">
        <v>506</v>
      </c>
      <c r="M11" s="1" t="s">
        <v>507</v>
      </c>
      <c r="N11" s="1" t="s">
        <v>508</v>
      </c>
      <c r="O11" s="8" t="s">
        <v>7</v>
      </c>
      <c r="P11" s="8" t="s">
        <v>7</v>
      </c>
    </row>
    <row r="12" spans="1:16" x14ac:dyDescent="0.25">
      <c r="A12" s="3" t="s">
        <v>17</v>
      </c>
      <c r="B12" s="5" t="s">
        <v>511</v>
      </c>
      <c r="C12" s="6">
        <v>1400520110.1500001</v>
      </c>
      <c r="D12" s="6">
        <v>1411729678.72</v>
      </c>
      <c r="E12" s="6">
        <v>1584326726.4300001</v>
      </c>
      <c r="F12" s="6">
        <v>1291992743.8800001</v>
      </c>
      <c r="G12" s="6">
        <v>1266901422.02</v>
      </c>
      <c r="H12" s="6">
        <v>1295598456.9300001</v>
      </c>
      <c r="I12" s="6">
        <v>1277563392.53</v>
      </c>
      <c r="J12" s="6">
        <v>1404730350.71</v>
      </c>
      <c r="K12" s="6">
        <v>1337321969.98</v>
      </c>
      <c r="L12" s="6">
        <v>1286775509.29</v>
      </c>
      <c r="M12" s="6">
        <v>1271512416.3399999</v>
      </c>
      <c r="N12" s="6">
        <v>1882934607.0799999</v>
      </c>
      <c r="O12" s="6">
        <v>16711907384.059999</v>
      </c>
      <c r="P12" s="6">
        <v>16607504535</v>
      </c>
    </row>
    <row r="13" spans="1:16" x14ac:dyDescent="0.25">
      <c r="A13" s="3" t="s">
        <v>19</v>
      </c>
      <c r="B13" s="5" t="s">
        <v>512</v>
      </c>
      <c r="C13" s="6">
        <v>920182053.95000005</v>
      </c>
      <c r="D13" s="6">
        <v>942469953.89999998</v>
      </c>
      <c r="E13" s="6">
        <v>1122010142.3399999</v>
      </c>
      <c r="F13" s="6">
        <v>844743397.84000003</v>
      </c>
      <c r="G13" s="6">
        <v>854240112.48000002</v>
      </c>
      <c r="H13" s="6">
        <v>871669389.61000001</v>
      </c>
      <c r="I13" s="6">
        <v>841147269</v>
      </c>
      <c r="J13" s="6">
        <v>1034079832.34</v>
      </c>
      <c r="K13" s="6">
        <v>891680396.40999997</v>
      </c>
      <c r="L13" s="6">
        <v>863351300.76999998</v>
      </c>
      <c r="M13" s="6">
        <v>853843388.05999994</v>
      </c>
      <c r="N13" s="6">
        <v>856962556.46000004</v>
      </c>
      <c r="O13" s="6">
        <v>10896379793.16</v>
      </c>
      <c r="P13" s="6">
        <v>10954321700</v>
      </c>
    </row>
    <row r="14" spans="1:16" x14ac:dyDescent="0.25">
      <c r="A14" s="2" t="s">
        <v>21</v>
      </c>
      <c r="B14" s="4" t="s">
        <v>513</v>
      </c>
      <c r="C14" s="7">
        <v>783780752.19000006</v>
      </c>
      <c r="D14" s="7">
        <v>748341567.13999999</v>
      </c>
      <c r="E14" s="7">
        <v>708120565.13</v>
      </c>
      <c r="F14" s="7">
        <v>711196237.32000005</v>
      </c>
      <c r="G14" s="7">
        <v>720230018.72000003</v>
      </c>
      <c r="H14" s="7">
        <v>721187487.88</v>
      </c>
      <c r="I14" s="7">
        <v>712415564.96000004</v>
      </c>
      <c r="J14" s="7">
        <v>722827291.83000004</v>
      </c>
      <c r="K14" s="7">
        <v>749643307.91999996</v>
      </c>
      <c r="L14" s="7">
        <v>765580892.67999995</v>
      </c>
      <c r="M14" s="7">
        <v>756156223.38</v>
      </c>
      <c r="N14" s="7">
        <v>758112891.85000002</v>
      </c>
      <c r="O14" s="7">
        <v>8857592801</v>
      </c>
      <c r="P14" s="7">
        <v>8899909800</v>
      </c>
    </row>
    <row r="15" spans="1:16" x14ac:dyDescent="0.25">
      <c r="A15" s="2" t="s">
        <v>23</v>
      </c>
      <c r="B15" s="4" t="s">
        <v>514</v>
      </c>
      <c r="C15" s="7">
        <v>12542078.98</v>
      </c>
      <c r="D15" s="7">
        <v>50958935.829999998</v>
      </c>
      <c r="E15" s="7">
        <v>332588136.35000002</v>
      </c>
      <c r="F15" s="7">
        <v>57205801.259999998</v>
      </c>
      <c r="G15" s="7">
        <v>49735463.990000002</v>
      </c>
      <c r="H15" s="7">
        <v>56921423.43</v>
      </c>
      <c r="I15" s="7">
        <v>51737764.990000002</v>
      </c>
      <c r="J15" s="7">
        <v>25507359.68</v>
      </c>
      <c r="K15" s="7">
        <v>26668077.640000001</v>
      </c>
      <c r="L15" s="7">
        <v>21481617.890000001</v>
      </c>
      <c r="M15" s="7">
        <v>20028880.57</v>
      </c>
      <c r="N15" s="7">
        <v>18005184</v>
      </c>
      <c r="O15" s="7">
        <v>723380724.61000001</v>
      </c>
      <c r="P15" s="7">
        <v>695212300</v>
      </c>
    </row>
    <row r="16" spans="1:16" x14ac:dyDescent="0.25">
      <c r="A16" s="2" t="s">
        <v>25</v>
      </c>
      <c r="B16" s="4" t="s">
        <v>515</v>
      </c>
      <c r="C16" s="7">
        <v>12331779.34</v>
      </c>
      <c r="D16" s="7">
        <v>12122498.48</v>
      </c>
      <c r="E16" s="7">
        <v>10019102.74</v>
      </c>
      <c r="F16" s="7">
        <v>14783432.279999999</v>
      </c>
      <c r="G16" s="7">
        <v>9675585.8399999999</v>
      </c>
      <c r="H16" s="7">
        <v>8748173.4499999993</v>
      </c>
      <c r="I16" s="7">
        <v>14755951.73</v>
      </c>
      <c r="J16" s="7">
        <v>10392269.77</v>
      </c>
      <c r="K16" s="7">
        <v>16629102.25</v>
      </c>
      <c r="L16" s="7">
        <v>16574297.01</v>
      </c>
      <c r="M16" s="7">
        <v>14121476.08</v>
      </c>
      <c r="N16" s="7">
        <v>17332954.039999999</v>
      </c>
      <c r="O16" s="7">
        <v>157486623.00999999</v>
      </c>
      <c r="P16" s="7">
        <v>142312000</v>
      </c>
    </row>
    <row r="17" spans="1:16" x14ac:dyDescent="0.25">
      <c r="A17" s="2" t="s">
        <v>27</v>
      </c>
      <c r="B17" s="4" t="s">
        <v>516</v>
      </c>
      <c r="C17" s="7">
        <v>91280360.060000002</v>
      </c>
      <c r="D17" s="7">
        <v>109229299.95</v>
      </c>
      <c r="E17" s="7">
        <v>57528768.539999999</v>
      </c>
      <c r="F17" s="7">
        <v>46294688.600000001</v>
      </c>
      <c r="G17" s="7">
        <v>45701880.090000004</v>
      </c>
      <c r="H17" s="7">
        <v>65558385.710000001</v>
      </c>
      <c r="I17" s="7">
        <v>41410230.409999996</v>
      </c>
      <c r="J17" s="7">
        <v>255387165.09</v>
      </c>
      <c r="K17" s="7">
        <v>75330234.260000005</v>
      </c>
      <c r="L17" s="7">
        <v>34774188.5</v>
      </c>
      <c r="M17" s="7">
        <v>41024967.670000002</v>
      </c>
      <c r="N17" s="7">
        <v>41338026.229999997</v>
      </c>
      <c r="O17" s="7">
        <v>904858195.11000001</v>
      </c>
      <c r="P17" s="7">
        <v>949714500</v>
      </c>
    </row>
    <row r="18" spans="1:16" x14ac:dyDescent="0.25">
      <c r="A18" s="2" t="s">
        <v>29</v>
      </c>
      <c r="B18" s="4" t="s">
        <v>517</v>
      </c>
      <c r="C18" s="7">
        <v>20247083.379999999</v>
      </c>
      <c r="D18" s="7">
        <v>21817652.5</v>
      </c>
      <c r="E18" s="7">
        <v>13753569.58</v>
      </c>
      <c r="F18" s="7">
        <v>15263238.380000001</v>
      </c>
      <c r="G18" s="7">
        <v>28897163.84</v>
      </c>
      <c r="H18" s="7">
        <v>19253919.140000001</v>
      </c>
      <c r="I18" s="7">
        <v>20827756.91</v>
      </c>
      <c r="J18" s="7">
        <v>19965745.969999999</v>
      </c>
      <c r="K18" s="7">
        <v>23409674.34</v>
      </c>
      <c r="L18" s="7">
        <v>24940304.690000001</v>
      </c>
      <c r="M18" s="7">
        <v>22511840.359999999</v>
      </c>
      <c r="N18" s="7">
        <v>22173500.34</v>
      </c>
      <c r="O18" s="7">
        <v>253061449.43000001</v>
      </c>
      <c r="P18" s="7">
        <v>267173100</v>
      </c>
    </row>
    <row r="19" spans="1:16" x14ac:dyDescent="0.25">
      <c r="A19" s="2" t="s">
        <v>31</v>
      </c>
      <c r="B19" s="4" t="s">
        <v>238</v>
      </c>
      <c r="C19" s="7">
        <v>52182181.75</v>
      </c>
      <c r="D19" s="7">
        <v>74699318.819999993</v>
      </c>
      <c r="E19" s="7">
        <v>68457199.200000003</v>
      </c>
      <c r="F19" s="7">
        <v>35842850.439999998</v>
      </c>
      <c r="G19" s="7">
        <v>67774920.890000001</v>
      </c>
      <c r="H19" s="7">
        <v>46564557.840000004</v>
      </c>
      <c r="I19" s="7">
        <v>32991929.699999999</v>
      </c>
      <c r="J19" s="7">
        <v>32689805.719999999</v>
      </c>
      <c r="K19" s="7">
        <v>60354633.600000001</v>
      </c>
      <c r="L19" s="7">
        <v>49235037.119999997</v>
      </c>
      <c r="M19" s="7">
        <v>47798004.799999997</v>
      </c>
      <c r="N19" s="7">
        <v>69291281.019999996</v>
      </c>
      <c r="O19" s="7">
        <v>637881720.89999998</v>
      </c>
      <c r="P19" s="7">
        <v>786529000</v>
      </c>
    </row>
    <row r="20" spans="1:16" x14ac:dyDescent="0.25">
      <c r="A20" s="3" t="s">
        <v>33</v>
      </c>
      <c r="B20" s="5" t="s">
        <v>248</v>
      </c>
      <c r="C20" s="6">
        <v>77545184.769999996</v>
      </c>
      <c r="D20" s="6">
        <v>5844072.5099999998</v>
      </c>
      <c r="E20" s="6">
        <v>15580901.82</v>
      </c>
      <c r="F20" s="6">
        <v>7787870.6100000003</v>
      </c>
      <c r="G20" s="6">
        <v>5537391.8799999999</v>
      </c>
      <c r="H20" s="6">
        <v>5782852.0300000003</v>
      </c>
      <c r="I20" s="6">
        <v>13027945.1</v>
      </c>
      <c r="J20" s="6">
        <v>8154317.7000000002</v>
      </c>
      <c r="K20" s="6">
        <v>13012557.289999999</v>
      </c>
      <c r="L20" s="6">
        <v>7347440.9199999999</v>
      </c>
      <c r="M20" s="6">
        <v>6753897.7400000002</v>
      </c>
      <c r="N20" s="6">
        <v>6656089.3200000003</v>
      </c>
      <c r="O20" s="6">
        <v>173030521.69</v>
      </c>
      <c r="P20" s="6">
        <v>111407500</v>
      </c>
    </row>
    <row r="21" spans="1:16" x14ac:dyDescent="0.25">
      <c r="A21" s="2" t="s">
        <v>35</v>
      </c>
      <c r="B21" s="4" t="s">
        <v>518</v>
      </c>
      <c r="C21" s="7">
        <v>4271633.8899999997</v>
      </c>
      <c r="D21" s="7">
        <v>4009817.81</v>
      </c>
      <c r="E21" s="7">
        <v>4108758.04</v>
      </c>
      <c r="F21" s="7">
        <v>4841847.63</v>
      </c>
      <c r="G21" s="7">
        <v>4232759.55</v>
      </c>
      <c r="H21" s="7">
        <v>4645550.29</v>
      </c>
      <c r="I21" s="7">
        <v>5437375.0199999996</v>
      </c>
      <c r="J21" s="7">
        <v>4581150.57</v>
      </c>
      <c r="K21" s="7">
        <v>6135837.1200000001</v>
      </c>
      <c r="L21" s="7">
        <v>5339292.57</v>
      </c>
      <c r="M21" s="7">
        <v>5290653.54</v>
      </c>
      <c r="N21" s="7">
        <v>5301666.41</v>
      </c>
      <c r="O21" s="7">
        <v>58196342.439999998</v>
      </c>
      <c r="P21" s="7">
        <v>61684300</v>
      </c>
    </row>
    <row r="22" spans="1:16" x14ac:dyDescent="0.25">
      <c r="A22" s="2" t="s">
        <v>37</v>
      </c>
      <c r="B22" s="4" t="s">
        <v>519</v>
      </c>
      <c r="C22" s="7">
        <v>73273550.879999995</v>
      </c>
      <c r="D22" s="7">
        <v>1834254.7</v>
      </c>
      <c r="E22" s="7">
        <v>11472143.779999999</v>
      </c>
      <c r="F22" s="7">
        <v>2946022.98</v>
      </c>
      <c r="G22" s="7">
        <v>1304632.33</v>
      </c>
      <c r="H22" s="7">
        <v>1137301.74</v>
      </c>
      <c r="I22" s="7">
        <v>7590570.0800000001</v>
      </c>
      <c r="J22" s="7">
        <v>3573167.13</v>
      </c>
      <c r="K22" s="7">
        <v>6876720.1699999999</v>
      </c>
      <c r="L22" s="7">
        <v>2008148.35</v>
      </c>
      <c r="M22" s="7">
        <v>1463244.2</v>
      </c>
      <c r="N22" s="7">
        <v>1354422.91</v>
      </c>
      <c r="O22" s="7">
        <v>114834179.25</v>
      </c>
      <c r="P22" s="7">
        <v>49723200</v>
      </c>
    </row>
    <row r="23" spans="1:16" x14ac:dyDescent="0.25">
      <c r="A23" s="2" t="s">
        <v>39</v>
      </c>
      <c r="B23" s="4" t="s">
        <v>264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0</v>
      </c>
      <c r="J23" s="7">
        <v>0</v>
      </c>
      <c r="K23" s="7">
        <v>0</v>
      </c>
      <c r="L23" s="7">
        <v>0</v>
      </c>
      <c r="M23" s="7">
        <v>0</v>
      </c>
      <c r="N23" s="7">
        <v>0</v>
      </c>
      <c r="O23" s="7">
        <v>0</v>
      </c>
      <c r="P23" s="7">
        <v>0</v>
      </c>
    </row>
    <row r="24" spans="1:16" x14ac:dyDescent="0.25">
      <c r="A24" s="2" t="s">
        <v>41</v>
      </c>
      <c r="B24" s="4" t="s">
        <v>266</v>
      </c>
      <c r="C24" s="7">
        <v>0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0</v>
      </c>
      <c r="J24" s="7">
        <v>0</v>
      </c>
      <c r="K24" s="7">
        <v>0</v>
      </c>
      <c r="L24" s="7">
        <v>0</v>
      </c>
      <c r="M24" s="7">
        <v>0</v>
      </c>
      <c r="N24" s="7">
        <v>0</v>
      </c>
      <c r="O24" s="7">
        <v>0</v>
      </c>
      <c r="P24" s="7">
        <v>0</v>
      </c>
    </row>
    <row r="25" spans="1:16" x14ac:dyDescent="0.25">
      <c r="A25" s="2" t="s">
        <v>43</v>
      </c>
      <c r="B25" s="4" t="s">
        <v>268</v>
      </c>
      <c r="C25" s="7">
        <v>57761504.130000003</v>
      </c>
      <c r="D25" s="7">
        <v>57441537.530000001</v>
      </c>
      <c r="E25" s="7">
        <v>49956139.68</v>
      </c>
      <c r="F25" s="7">
        <v>60577018.950000003</v>
      </c>
      <c r="G25" s="7">
        <v>66429048.439999998</v>
      </c>
      <c r="H25" s="7">
        <v>76540043.790000007</v>
      </c>
      <c r="I25" s="7">
        <v>77339189.400000006</v>
      </c>
      <c r="J25" s="7">
        <v>54469854.289999999</v>
      </c>
      <c r="K25" s="7">
        <v>95954947.030000001</v>
      </c>
      <c r="L25" s="7">
        <v>78083157.140000001</v>
      </c>
      <c r="M25" s="7">
        <v>79163412.049999997</v>
      </c>
      <c r="N25" s="7">
        <v>78197255.930000007</v>
      </c>
      <c r="O25" s="7">
        <v>831913108.36000001</v>
      </c>
      <c r="P25" s="7">
        <v>932086535</v>
      </c>
    </row>
    <row r="26" spans="1:16" x14ac:dyDescent="0.25">
      <c r="A26" s="3" t="s">
        <v>45</v>
      </c>
      <c r="B26" s="5" t="s">
        <v>280</v>
      </c>
      <c r="C26" s="6">
        <v>282150663.38999999</v>
      </c>
      <c r="D26" s="6">
        <v>306343879.17000002</v>
      </c>
      <c r="E26" s="6">
        <v>322399021.38</v>
      </c>
      <c r="F26" s="6">
        <v>337581617.63</v>
      </c>
      <c r="G26" s="6">
        <v>268002789.59</v>
      </c>
      <c r="H26" s="6">
        <v>287684566.73000002</v>
      </c>
      <c r="I26" s="6">
        <v>303266061.31</v>
      </c>
      <c r="J26" s="6">
        <v>269246910.10000002</v>
      </c>
      <c r="K26" s="6">
        <v>265447802.34</v>
      </c>
      <c r="L26" s="6">
        <v>280469933.91000003</v>
      </c>
      <c r="M26" s="6">
        <v>275075661.81</v>
      </c>
      <c r="N26" s="6">
        <v>864089973.00999999</v>
      </c>
      <c r="O26" s="6">
        <v>4061758880.3699999</v>
      </c>
      <c r="P26" s="6">
        <v>3762164900</v>
      </c>
    </row>
    <row r="27" spans="1:16" x14ac:dyDescent="0.25">
      <c r="A27" s="2" t="s">
        <v>47</v>
      </c>
      <c r="B27" s="4" t="s">
        <v>520</v>
      </c>
      <c r="C27" s="7">
        <v>101779078.59999999</v>
      </c>
      <c r="D27" s="7">
        <v>127210885.09</v>
      </c>
      <c r="E27" s="7">
        <v>127315074.43000001</v>
      </c>
      <c r="F27" s="7">
        <v>139239331.03</v>
      </c>
      <c r="G27" s="7">
        <v>106049141.79000001</v>
      </c>
      <c r="H27" s="7">
        <v>101022152.94</v>
      </c>
      <c r="I27" s="7">
        <v>130771618.27</v>
      </c>
      <c r="J27" s="7">
        <v>101892513.95</v>
      </c>
      <c r="K27" s="7">
        <v>85081290.670000002</v>
      </c>
      <c r="L27" s="7">
        <v>104425759.15000001</v>
      </c>
      <c r="M27" s="7">
        <v>94554248.099999994</v>
      </c>
      <c r="N27" s="7">
        <v>83446437.859999999</v>
      </c>
      <c r="O27" s="7">
        <v>1302787531.8800001</v>
      </c>
      <c r="P27" s="7">
        <v>1218808000</v>
      </c>
    </row>
    <row r="28" spans="1:16" x14ac:dyDescent="0.25">
      <c r="A28" s="2" t="s">
        <v>49</v>
      </c>
      <c r="B28" s="4" t="s">
        <v>521</v>
      </c>
      <c r="C28" s="7">
        <v>1473863.44</v>
      </c>
      <c r="D28" s="7">
        <v>1473863.44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  <c r="J28" s="7">
        <v>0</v>
      </c>
      <c r="K28" s="7">
        <v>0</v>
      </c>
      <c r="L28" s="7">
        <v>0</v>
      </c>
      <c r="M28" s="7">
        <v>0</v>
      </c>
      <c r="N28" s="7">
        <v>0</v>
      </c>
      <c r="O28" s="7">
        <v>2947726.88</v>
      </c>
      <c r="P28" s="7">
        <v>18217000</v>
      </c>
    </row>
    <row r="29" spans="1:16" x14ac:dyDescent="0.25">
      <c r="A29" s="2" t="s">
        <v>51</v>
      </c>
      <c r="B29" s="4" t="s">
        <v>522</v>
      </c>
      <c r="C29" s="7">
        <v>8058060.5499999998</v>
      </c>
      <c r="D29" s="7">
        <v>9709675.4700000007</v>
      </c>
      <c r="E29" s="7">
        <v>8257372.0599999996</v>
      </c>
      <c r="F29" s="7">
        <v>8740908.7799999993</v>
      </c>
      <c r="G29" s="7">
        <v>8441809.6300000008</v>
      </c>
      <c r="H29" s="7">
        <v>8558403.0999999996</v>
      </c>
      <c r="I29" s="7">
        <v>8380277.9900000002</v>
      </c>
      <c r="J29" s="7">
        <v>8788536.3300000001</v>
      </c>
      <c r="K29" s="7">
        <v>8896836.8000000007</v>
      </c>
      <c r="L29" s="7">
        <v>7962746.9800000004</v>
      </c>
      <c r="M29" s="7">
        <v>9706787.2300000004</v>
      </c>
      <c r="N29" s="7">
        <v>8590396.0299999993</v>
      </c>
      <c r="O29" s="7">
        <v>104091810.95</v>
      </c>
      <c r="P29" s="7">
        <v>105726200</v>
      </c>
    </row>
    <row r="30" spans="1:16" x14ac:dyDescent="0.25">
      <c r="A30" s="2" t="s">
        <v>53</v>
      </c>
      <c r="B30" s="4" t="s">
        <v>523</v>
      </c>
      <c r="C30" s="7">
        <v>87393058.790000007</v>
      </c>
      <c r="D30" s="7">
        <v>84843208.150000006</v>
      </c>
      <c r="E30" s="7">
        <v>107790832.87</v>
      </c>
      <c r="F30" s="7">
        <v>107224946.70999999</v>
      </c>
      <c r="G30" s="7">
        <v>78504689.420000002</v>
      </c>
      <c r="H30" s="7">
        <v>98704077.629999995</v>
      </c>
      <c r="I30" s="7">
        <v>85135303.900000006</v>
      </c>
      <c r="J30" s="7">
        <v>79082064.379999995</v>
      </c>
      <c r="K30" s="7">
        <v>90709679.790000007</v>
      </c>
      <c r="L30" s="7">
        <v>86543559.480000004</v>
      </c>
      <c r="M30" s="7">
        <v>88945899.760000005</v>
      </c>
      <c r="N30" s="7">
        <v>90606020.640000001</v>
      </c>
      <c r="O30" s="7">
        <v>1085483341.52</v>
      </c>
      <c r="P30" s="7">
        <v>1153811400</v>
      </c>
    </row>
    <row r="31" spans="1:16" x14ac:dyDescent="0.25">
      <c r="A31" s="2" t="s">
        <v>55</v>
      </c>
      <c r="B31" s="4" t="s">
        <v>524</v>
      </c>
      <c r="C31" s="7">
        <v>83446602.010000005</v>
      </c>
      <c r="D31" s="7">
        <v>83106247.019999996</v>
      </c>
      <c r="E31" s="7">
        <v>79035742.019999996</v>
      </c>
      <c r="F31" s="7">
        <v>82376431.109999999</v>
      </c>
      <c r="G31" s="7">
        <v>75007148.75</v>
      </c>
      <c r="H31" s="7">
        <v>79399933.060000002</v>
      </c>
      <c r="I31" s="7">
        <v>78978861.150000006</v>
      </c>
      <c r="J31" s="7">
        <v>79483795.439999998</v>
      </c>
      <c r="K31" s="7">
        <v>80759995.079999998</v>
      </c>
      <c r="L31" s="7">
        <v>81537868.299999997</v>
      </c>
      <c r="M31" s="7">
        <v>81868726.719999999</v>
      </c>
      <c r="N31" s="7">
        <v>681447118.48000002</v>
      </c>
      <c r="O31" s="7">
        <v>1566448469.1400001</v>
      </c>
      <c r="P31" s="7">
        <v>1265602300</v>
      </c>
    </row>
    <row r="32" spans="1:16" x14ac:dyDescent="0.25">
      <c r="A32" s="2" t="s">
        <v>57</v>
      </c>
      <c r="B32" s="4" t="s">
        <v>298</v>
      </c>
      <c r="C32" s="7">
        <v>10698522.16</v>
      </c>
      <c r="D32" s="7">
        <v>24930916.789999999</v>
      </c>
      <c r="E32" s="7">
        <v>5923322.0099999998</v>
      </c>
      <c r="F32" s="7">
        <v>5459988.4100000001</v>
      </c>
      <c r="G32" s="7">
        <v>4917158.74</v>
      </c>
      <c r="H32" s="7">
        <v>7357046.9299999997</v>
      </c>
      <c r="I32" s="7">
        <v>9790998.0199999996</v>
      </c>
      <c r="J32" s="7">
        <v>6089630.5599999996</v>
      </c>
      <c r="K32" s="7">
        <v>10871633.310000001</v>
      </c>
      <c r="L32" s="7">
        <v>8288639.4299999997</v>
      </c>
      <c r="M32" s="7">
        <v>8878051.8800000008</v>
      </c>
      <c r="N32" s="7">
        <v>7737451.3399999999</v>
      </c>
      <c r="O32" s="7">
        <v>110943359.58</v>
      </c>
      <c r="P32" s="7">
        <v>60994900</v>
      </c>
    </row>
    <row r="33" spans="1:16" x14ac:dyDescent="0.25">
      <c r="A33" s="3" t="s">
        <v>59</v>
      </c>
      <c r="B33" s="5" t="s">
        <v>525</v>
      </c>
      <c r="C33" s="6">
        <v>412667084.89999998</v>
      </c>
      <c r="D33" s="6">
        <v>446139901.81</v>
      </c>
      <c r="E33" s="6">
        <v>609831467</v>
      </c>
      <c r="F33" s="6">
        <v>401472922.54000002</v>
      </c>
      <c r="G33" s="6">
        <v>424912473.44999999</v>
      </c>
      <c r="H33" s="6">
        <v>408771090.25999999</v>
      </c>
      <c r="I33" s="6">
        <v>394204306.04000002</v>
      </c>
      <c r="J33" s="6">
        <v>375802161.5</v>
      </c>
      <c r="K33" s="6">
        <v>414083907.75999999</v>
      </c>
      <c r="L33" s="6">
        <v>408511340.61000001</v>
      </c>
      <c r="M33" s="6">
        <v>400494170.35000002</v>
      </c>
      <c r="N33" s="6">
        <v>420599418.11000001</v>
      </c>
      <c r="O33" s="6">
        <v>5117490244.3299999</v>
      </c>
      <c r="P33" s="6">
        <v>5245210500</v>
      </c>
    </row>
    <row r="34" spans="1:16" x14ac:dyDescent="0.25">
      <c r="A34" s="2" t="s">
        <v>61</v>
      </c>
      <c r="B34" s="4" t="s">
        <v>526</v>
      </c>
      <c r="C34" s="7">
        <v>217007288.58000001</v>
      </c>
      <c r="D34" s="7">
        <v>208571466.68000001</v>
      </c>
      <c r="E34" s="7">
        <v>372869598.63</v>
      </c>
      <c r="F34" s="7">
        <v>220874178.19</v>
      </c>
      <c r="G34" s="7">
        <v>219514191.33000001</v>
      </c>
      <c r="H34" s="7">
        <v>224680727.99000001</v>
      </c>
      <c r="I34" s="7">
        <v>218500821.84</v>
      </c>
      <c r="J34" s="7">
        <v>208038120.71000001</v>
      </c>
      <c r="K34" s="7">
        <v>216610993.72999999</v>
      </c>
      <c r="L34" s="7">
        <v>216579510.46000001</v>
      </c>
      <c r="M34" s="7">
        <v>213725222.28999999</v>
      </c>
      <c r="N34" s="7">
        <v>213949936.03999999</v>
      </c>
      <c r="O34" s="7">
        <v>2750922056.4699998</v>
      </c>
      <c r="P34" s="7">
        <v>2752697800</v>
      </c>
    </row>
    <row r="35" spans="1:16" x14ac:dyDescent="0.25">
      <c r="A35" s="2" t="s">
        <v>63</v>
      </c>
      <c r="B35" s="4" t="s">
        <v>527</v>
      </c>
      <c r="C35" s="7">
        <v>52080540.219999999</v>
      </c>
      <c r="D35" s="7">
        <v>74569083.010000005</v>
      </c>
      <c r="E35" s="7">
        <v>68362440.730000004</v>
      </c>
      <c r="F35" s="7">
        <v>35713879.479999997</v>
      </c>
      <c r="G35" s="7">
        <v>67674724.230000004</v>
      </c>
      <c r="H35" s="7">
        <v>45908667.18</v>
      </c>
      <c r="I35" s="7">
        <v>33347952.16</v>
      </c>
      <c r="J35" s="7">
        <v>32600094.309999999</v>
      </c>
      <c r="K35" s="7">
        <v>60241342.340000004</v>
      </c>
      <c r="L35" s="7">
        <v>49013028.57</v>
      </c>
      <c r="M35" s="7">
        <v>47552279.020000003</v>
      </c>
      <c r="N35" s="7">
        <v>69263729.189999998</v>
      </c>
      <c r="O35" s="7">
        <v>636327760.44000006</v>
      </c>
      <c r="P35" s="7">
        <v>786529000</v>
      </c>
    </row>
    <row r="36" spans="1:16" x14ac:dyDescent="0.25">
      <c r="A36" s="2" t="s">
        <v>65</v>
      </c>
      <c r="B36" s="4" t="s">
        <v>528</v>
      </c>
      <c r="C36" s="7">
        <v>101641.53</v>
      </c>
      <c r="D36" s="7">
        <v>15644394.67</v>
      </c>
      <c r="E36" s="7">
        <v>35453.519999999997</v>
      </c>
      <c r="F36" s="7">
        <v>25983</v>
      </c>
      <c r="G36" s="7">
        <v>0</v>
      </c>
      <c r="H36" s="7">
        <v>756087.32</v>
      </c>
      <c r="I36" s="7">
        <v>-356022.46</v>
      </c>
      <c r="J36" s="7">
        <v>89711.41</v>
      </c>
      <c r="K36" s="7">
        <v>113291.26</v>
      </c>
      <c r="L36" s="7">
        <v>222008.55</v>
      </c>
      <c r="M36" s="7">
        <v>245725.78</v>
      </c>
      <c r="N36" s="7">
        <v>27551.83</v>
      </c>
      <c r="O36" s="7">
        <v>16905826.41</v>
      </c>
      <c r="P36" s="7">
        <v>100000</v>
      </c>
    </row>
    <row r="37" spans="1:16" x14ac:dyDescent="0.25">
      <c r="A37" s="2" t="s">
        <v>67</v>
      </c>
      <c r="B37" s="4" t="s">
        <v>529</v>
      </c>
      <c r="C37" s="7">
        <v>143477614.56999999</v>
      </c>
      <c r="D37" s="7">
        <v>147354957.44999999</v>
      </c>
      <c r="E37" s="7">
        <v>168563974.12</v>
      </c>
      <c r="F37" s="7">
        <v>144858881.87</v>
      </c>
      <c r="G37" s="7">
        <v>137723557.88999999</v>
      </c>
      <c r="H37" s="7">
        <v>137425607.77000001</v>
      </c>
      <c r="I37" s="7">
        <v>142711554.5</v>
      </c>
      <c r="J37" s="7">
        <v>135074235.06999999</v>
      </c>
      <c r="K37" s="7">
        <v>137118280.43000001</v>
      </c>
      <c r="L37" s="7">
        <v>142696793.03</v>
      </c>
      <c r="M37" s="7">
        <v>138970943.25999999</v>
      </c>
      <c r="N37" s="7">
        <v>137358201.05000001</v>
      </c>
      <c r="O37" s="7">
        <v>1713334601.01</v>
      </c>
      <c r="P37" s="7">
        <v>1705883700</v>
      </c>
    </row>
    <row r="38" spans="1:16" x14ac:dyDescent="0.25">
      <c r="A38" s="3" t="s">
        <v>69</v>
      </c>
      <c r="B38" s="5" t="s">
        <v>530</v>
      </c>
      <c r="C38" s="6">
        <v>987853025.25</v>
      </c>
      <c r="D38" s="6">
        <v>965589776.90999997</v>
      </c>
      <c r="E38" s="6">
        <v>974495259.42999995</v>
      </c>
      <c r="F38" s="6">
        <v>890519821.34000003</v>
      </c>
      <c r="G38" s="6">
        <v>841988948.57000005</v>
      </c>
      <c r="H38" s="6">
        <v>886827366.66999996</v>
      </c>
      <c r="I38" s="6">
        <v>883359086.49000001</v>
      </c>
      <c r="J38" s="6">
        <v>1028928189.21</v>
      </c>
      <c r="K38" s="6">
        <v>923238062.22000003</v>
      </c>
      <c r="L38" s="6">
        <v>878264168.67999995</v>
      </c>
      <c r="M38" s="6">
        <v>871018245.99000001</v>
      </c>
      <c r="N38" s="6">
        <v>1462335188.97</v>
      </c>
      <c r="O38" s="6">
        <v>11594417139.73</v>
      </c>
      <c r="P38" s="6">
        <v>11362294035</v>
      </c>
    </row>
  </sheetData>
  <mergeCells count="11">
    <mergeCell ref="A3:P3"/>
    <mergeCell ref="A4:P4"/>
    <mergeCell ref="A5:P5"/>
    <mergeCell ref="A6:P6"/>
    <mergeCell ref="A7:P7"/>
    <mergeCell ref="A9:P9"/>
    <mergeCell ref="A10:A11"/>
    <mergeCell ref="B10:B11"/>
    <mergeCell ref="C10:N10"/>
    <mergeCell ref="O10:O11"/>
    <mergeCell ref="P10:P11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1"/>
  <sheetViews>
    <sheetView showGridLines="0" topLeftCell="A58" workbookViewId="0">
      <selection activeCell="G67" sqref="G67"/>
    </sheetView>
  </sheetViews>
  <sheetFormatPr defaultRowHeight="15" x14ac:dyDescent="0.25"/>
  <cols>
    <col min="1" max="1" width="3.7109375" bestFit="1" customWidth="1"/>
    <col min="2" max="2" width="50.140625" bestFit="1" customWidth="1"/>
    <col min="3" max="6" width="19.140625" bestFit="1" customWidth="1"/>
    <col min="7" max="8" width="19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531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532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533</v>
      </c>
      <c r="C10" s="8" t="s">
        <v>9</v>
      </c>
      <c r="D10" s="8" t="s">
        <v>534</v>
      </c>
      <c r="E10" s="8" t="s">
        <v>11</v>
      </c>
      <c r="F10" s="8" t="s">
        <v>11</v>
      </c>
    </row>
    <row r="11" spans="1:8" ht="2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535</v>
      </c>
      <c r="F11" s="1" t="s">
        <v>536</v>
      </c>
    </row>
    <row r="12" spans="1:8" x14ac:dyDescent="0.25">
      <c r="A12" s="3" t="s">
        <v>17</v>
      </c>
      <c r="B12" s="5" t="s">
        <v>511</v>
      </c>
      <c r="C12" s="6">
        <v>2040298300</v>
      </c>
      <c r="D12" s="6">
        <v>3187518300</v>
      </c>
      <c r="E12" s="6">
        <v>2301669570.4000001</v>
      </c>
      <c r="F12" s="6">
        <v>2333804848.9000001</v>
      </c>
    </row>
    <row r="13" spans="1:8" x14ac:dyDescent="0.25">
      <c r="A13" s="3" t="s">
        <v>19</v>
      </c>
      <c r="B13" s="5" t="s">
        <v>537</v>
      </c>
      <c r="C13" s="6">
        <v>675109000</v>
      </c>
      <c r="D13" s="6">
        <v>786529000</v>
      </c>
      <c r="E13" s="6">
        <v>509678137.20999998</v>
      </c>
      <c r="F13" s="6">
        <v>502732513.72000003</v>
      </c>
    </row>
    <row r="14" spans="1:8" x14ac:dyDescent="0.25">
      <c r="A14" s="3" t="s">
        <v>21</v>
      </c>
      <c r="B14" s="5" t="s">
        <v>538</v>
      </c>
      <c r="C14" s="6">
        <v>565853000</v>
      </c>
      <c r="D14" s="6">
        <v>677273000</v>
      </c>
      <c r="E14" s="6">
        <v>440462940.66000003</v>
      </c>
      <c r="F14" s="6">
        <v>435695209.13999999</v>
      </c>
    </row>
    <row r="15" spans="1:8" x14ac:dyDescent="0.25">
      <c r="A15" s="2" t="s">
        <v>23</v>
      </c>
      <c r="B15" s="4" t="s">
        <v>539</v>
      </c>
      <c r="C15" s="7">
        <v>416754700</v>
      </c>
      <c r="D15" s="7">
        <v>430440700</v>
      </c>
      <c r="E15" s="7">
        <v>275594141.38999999</v>
      </c>
      <c r="F15" s="7">
        <v>269910836.06999999</v>
      </c>
    </row>
    <row r="16" spans="1:8" x14ac:dyDescent="0.25">
      <c r="A16" s="2" t="s">
        <v>25</v>
      </c>
      <c r="B16" s="4" t="s">
        <v>540</v>
      </c>
      <c r="C16" s="7">
        <v>125747200</v>
      </c>
      <c r="D16" s="7">
        <v>217141200</v>
      </c>
      <c r="E16" s="7">
        <v>143969060.18000001</v>
      </c>
      <c r="F16" s="7">
        <v>144338857.74000001</v>
      </c>
    </row>
    <row r="17" spans="1:6" x14ac:dyDescent="0.25">
      <c r="A17" s="2" t="s">
        <v>27</v>
      </c>
      <c r="B17" s="4" t="s">
        <v>541</v>
      </c>
      <c r="C17" s="7">
        <v>23351100</v>
      </c>
      <c r="D17" s="7">
        <v>29691100</v>
      </c>
      <c r="E17" s="7">
        <v>20899739.09</v>
      </c>
      <c r="F17" s="7">
        <v>21445515.329999998</v>
      </c>
    </row>
    <row r="18" spans="1:6" x14ac:dyDescent="0.25">
      <c r="A18" s="3" t="s">
        <v>29</v>
      </c>
      <c r="B18" s="5" t="s">
        <v>542</v>
      </c>
      <c r="C18" s="6">
        <v>109256000</v>
      </c>
      <c r="D18" s="6">
        <v>109256000</v>
      </c>
      <c r="E18" s="6">
        <v>69215196.549999997</v>
      </c>
      <c r="F18" s="6">
        <v>67037304.579999998</v>
      </c>
    </row>
    <row r="19" spans="1:6" x14ac:dyDescent="0.25">
      <c r="A19" s="2" t="s">
        <v>31</v>
      </c>
      <c r="B19" s="4" t="s">
        <v>539</v>
      </c>
      <c r="C19" s="7">
        <v>83972400</v>
      </c>
      <c r="D19" s="7">
        <v>83972400</v>
      </c>
      <c r="E19" s="7">
        <v>45266883.659999996</v>
      </c>
      <c r="F19" s="7">
        <v>48391820.390000001</v>
      </c>
    </row>
    <row r="20" spans="1:6" x14ac:dyDescent="0.25">
      <c r="A20" s="2" t="s">
        <v>33</v>
      </c>
      <c r="B20" s="4" t="s">
        <v>540</v>
      </c>
      <c r="C20" s="7">
        <v>23897500</v>
      </c>
      <c r="D20" s="7">
        <v>23897500</v>
      </c>
      <c r="E20" s="7">
        <v>22644023.010000002</v>
      </c>
      <c r="F20" s="7">
        <v>17639605.050000001</v>
      </c>
    </row>
    <row r="21" spans="1:6" x14ac:dyDescent="0.25">
      <c r="A21" s="2" t="s">
        <v>35</v>
      </c>
      <c r="B21" s="4" t="s">
        <v>541</v>
      </c>
      <c r="C21" s="7">
        <v>1386100</v>
      </c>
      <c r="D21" s="7">
        <v>1386100</v>
      </c>
      <c r="E21" s="7">
        <v>1304289.8799999999</v>
      </c>
      <c r="F21" s="7">
        <v>1005879.14</v>
      </c>
    </row>
    <row r="22" spans="1:6" x14ac:dyDescent="0.25">
      <c r="A22" s="3" t="s">
        <v>37</v>
      </c>
      <c r="B22" s="5" t="s">
        <v>543</v>
      </c>
      <c r="C22" s="6">
        <v>931125100</v>
      </c>
      <c r="D22" s="6">
        <v>1821146600</v>
      </c>
      <c r="E22" s="6">
        <v>1221734246.5799999</v>
      </c>
      <c r="F22" s="6">
        <v>1207547911.1300001</v>
      </c>
    </row>
    <row r="23" spans="1:6" x14ac:dyDescent="0.25">
      <c r="A23" s="3" t="s">
        <v>39</v>
      </c>
      <c r="B23" s="5" t="s">
        <v>538</v>
      </c>
      <c r="C23" s="6">
        <v>772119300</v>
      </c>
      <c r="D23" s="6">
        <v>1328055800</v>
      </c>
      <c r="E23" s="6">
        <v>1034195441.3200001</v>
      </c>
      <c r="F23" s="6">
        <v>1028113116.97</v>
      </c>
    </row>
    <row r="24" spans="1:6" x14ac:dyDescent="0.25">
      <c r="A24" s="2" t="s">
        <v>41</v>
      </c>
      <c r="B24" s="4" t="s">
        <v>539</v>
      </c>
      <c r="C24" s="7">
        <v>418625500</v>
      </c>
      <c r="D24" s="7">
        <v>790927600</v>
      </c>
      <c r="E24" s="7">
        <v>564289654.87</v>
      </c>
      <c r="F24" s="7">
        <v>600231051.17999995</v>
      </c>
    </row>
    <row r="25" spans="1:6" x14ac:dyDescent="0.25">
      <c r="A25" s="2" t="s">
        <v>43</v>
      </c>
      <c r="B25" s="4" t="s">
        <v>540</v>
      </c>
      <c r="C25" s="7">
        <v>306598900</v>
      </c>
      <c r="D25" s="7">
        <v>438853300</v>
      </c>
      <c r="E25" s="7">
        <v>410911313.64999998</v>
      </c>
      <c r="F25" s="7">
        <v>369700628.50999999</v>
      </c>
    </row>
    <row r="26" spans="1:6" x14ac:dyDescent="0.25">
      <c r="A26" s="2" t="s">
        <v>45</v>
      </c>
      <c r="B26" s="4" t="s">
        <v>541</v>
      </c>
      <c r="C26" s="7">
        <v>46894900</v>
      </c>
      <c r="D26" s="7">
        <v>98274900</v>
      </c>
      <c r="E26" s="7">
        <v>58994472.799999997</v>
      </c>
      <c r="F26" s="7">
        <v>58181437.280000001</v>
      </c>
    </row>
    <row r="27" spans="1:6" x14ac:dyDescent="0.25">
      <c r="A27" s="3" t="s">
        <v>47</v>
      </c>
      <c r="B27" s="5" t="s">
        <v>542</v>
      </c>
      <c r="C27" s="6">
        <v>159005800</v>
      </c>
      <c r="D27" s="6">
        <v>493090800</v>
      </c>
      <c r="E27" s="6">
        <v>187538805.25999999</v>
      </c>
      <c r="F27" s="6">
        <v>179434794.16</v>
      </c>
    </row>
    <row r="28" spans="1:6" x14ac:dyDescent="0.25">
      <c r="A28" s="2" t="s">
        <v>49</v>
      </c>
      <c r="B28" s="4" t="s">
        <v>539</v>
      </c>
      <c r="C28" s="7">
        <v>84344800</v>
      </c>
      <c r="D28" s="7">
        <v>248344800</v>
      </c>
      <c r="E28" s="7">
        <v>93318381.290000007</v>
      </c>
      <c r="F28" s="7">
        <v>99043379.349999994</v>
      </c>
    </row>
    <row r="29" spans="1:6" x14ac:dyDescent="0.25">
      <c r="A29" s="2" t="s">
        <v>51</v>
      </c>
      <c r="B29" s="4" t="s">
        <v>540</v>
      </c>
      <c r="C29" s="7">
        <v>65605000</v>
      </c>
      <c r="D29" s="7">
        <v>210605000</v>
      </c>
      <c r="E29" s="7">
        <v>83247966.349999994</v>
      </c>
      <c r="F29" s="7">
        <v>70686467.930000007</v>
      </c>
    </row>
    <row r="30" spans="1:6" x14ac:dyDescent="0.25">
      <c r="A30" s="2" t="s">
        <v>53</v>
      </c>
      <c r="B30" s="4" t="s">
        <v>541</v>
      </c>
      <c r="C30" s="7">
        <v>9056000</v>
      </c>
      <c r="D30" s="7">
        <v>34141000</v>
      </c>
      <c r="E30" s="7">
        <v>10972457.619999999</v>
      </c>
      <c r="F30" s="7">
        <v>9704946.8800000008</v>
      </c>
    </row>
    <row r="31" spans="1:6" x14ac:dyDescent="0.25">
      <c r="A31" s="3" t="s">
        <v>55</v>
      </c>
      <c r="B31" s="5" t="s">
        <v>544</v>
      </c>
      <c r="C31" s="6">
        <v>9328800</v>
      </c>
      <c r="D31" s="6">
        <v>9328800</v>
      </c>
      <c r="E31" s="6">
        <v>453938.99</v>
      </c>
      <c r="F31" s="6">
        <v>4276575.6900000004</v>
      </c>
    </row>
    <row r="32" spans="1:6" x14ac:dyDescent="0.25">
      <c r="A32" s="2" t="s">
        <v>57</v>
      </c>
      <c r="B32" s="4" t="s">
        <v>545</v>
      </c>
      <c r="C32" s="7">
        <v>0</v>
      </c>
      <c r="D32" s="7">
        <v>0</v>
      </c>
      <c r="E32" s="7">
        <v>0</v>
      </c>
      <c r="F32" s="7">
        <v>1954</v>
      </c>
    </row>
    <row r="33" spans="1:8" x14ac:dyDescent="0.25">
      <c r="A33" s="2" t="s">
        <v>59</v>
      </c>
      <c r="B33" s="4" t="s">
        <v>546</v>
      </c>
      <c r="C33" s="7">
        <v>9328800</v>
      </c>
      <c r="D33" s="7">
        <v>9328800</v>
      </c>
      <c r="E33" s="7">
        <v>453938.99</v>
      </c>
      <c r="F33" s="7">
        <v>4274621.6900000004</v>
      </c>
    </row>
    <row r="34" spans="1:8" x14ac:dyDescent="0.25">
      <c r="A34" s="2" t="s">
        <v>61</v>
      </c>
      <c r="B34" s="4" t="s">
        <v>547</v>
      </c>
      <c r="C34" s="7">
        <v>0</v>
      </c>
      <c r="D34" s="7">
        <v>0</v>
      </c>
      <c r="E34" s="7">
        <v>0</v>
      </c>
      <c r="F34" s="7">
        <v>0</v>
      </c>
    </row>
    <row r="35" spans="1:8" x14ac:dyDescent="0.25">
      <c r="A35" s="2" t="s">
        <v>63</v>
      </c>
      <c r="B35" s="4" t="s">
        <v>548</v>
      </c>
      <c r="C35" s="7">
        <v>0</v>
      </c>
      <c r="D35" s="7">
        <v>0</v>
      </c>
      <c r="E35" s="7">
        <v>0</v>
      </c>
      <c r="F35" s="7">
        <v>0</v>
      </c>
    </row>
    <row r="36" spans="1:8" x14ac:dyDescent="0.25">
      <c r="A36" s="3" t="s">
        <v>65</v>
      </c>
      <c r="B36" s="5" t="s">
        <v>549</v>
      </c>
      <c r="C36" s="6">
        <v>424735400</v>
      </c>
      <c r="D36" s="6">
        <v>570513900</v>
      </c>
      <c r="E36" s="6">
        <v>569803247.62</v>
      </c>
      <c r="F36" s="6">
        <v>619247848.36000001</v>
      </c>
    </row>
    <row r="37" spans="1:8" x14ac:dyDescent="0.25">
      <c r="A37" s="2" t="s">
        <v>67</v>
      </c>
      <c r="B37" s="4" t="s">
        <v>550</v>
      </c>
      <c r="C37" s="7">
        <v>0</v>
      </c>
      <c r="D37" s="7">
        <v>100000</v>
      </c>
      <c r="E37" s="7">
        <v>61436.52</v>
      </c>
      <c r="F37" s="7">
        <v>0</v>
      </c>
    </row>
    <row r="38" spans="1:8" x14ac:dyDescent="0.25">
      <c r="A38" s="2" t="s">
        <v>69</v>
      </c>
      <c r="B38" s="4" t="s">
        <v>551</v>
      </c>
      <c r="C38" s="7">
        <v>424735400</v>
      </c>
      <c r="D38" s="7">
        <v>568764900</v>
      </c>
      <c r="E38" s="7">
        <v>569393032.82000005</v>
      </c>
      <c r="F38" s="7">
        <v>618374232.73000002</v>
      </c>
    </row>
    <row r="39" spans="1:8" x14ac:dyDescent="0.25">
      <c r="A39" s="2" t="s">
        <v>71</v>
      </c>
      <c r="B39" s="4" t="s">
        <v>552</v>
      </c>
      <c r="C39" s="7">
        <v>0</v>
      </c>
      <c r="D39" s="7">
        <v>1649000</v>
      </c>
      <c r="E39" s="7">
        <v>348778.28</v>
      </c>
      <c r="F39" s="7">
        <v>873615.63</v>
      </c>
    </row>
    <row r="40" spans="1:8" x14ac:dyDescent="0.25">
      <c r="A40" s="3" t="s">
        <v>73</v>
      </c>
      <c r="B40" s="5" t="s">
        <v>553</v>
      </c>
      <c r="C40" s="6">
        <v>0</v>
      </c>
      <c r="D40" s="6">
        <v>0</v>
      </c>
      <c r="E40" s="6">
        <v>0</v>
      </c>
      <c r="F40" s="6">
        <v>0</v>
      </c>
    </row>
    <row r="41" spans="1:8" x14ac:dyDescent="0.25">
      <c r="A41" s="2" t="s">
        <v>75</v>
      </c>
      <c r="B41" s="4" t="s">
        <v>554</v>
      </c>
      <c r="C41" s="7">
        <v>0</v>
      </c>
      <c r="D41" s="7">
        <v>0</v>
      </c>
      <c r="E41" s="7">
        <v>0</v>
      </c>
      <c r="F41" s="7">
        <v>0</v>
      </c>
    </row>
    <row r="42" spans="1:8" x14ac:dyDescent="0.25">
      <c r="A42" s="2" t="s">
        <v>77</v>
      </c>
      <c r="B42" s="4" t="s">
        <v>555</v>
      </c>
      <c r="C42" s="7">
        <v>0</v>
      </c>
      <c r="D42" s="7">
        <v>0</v>
      </c>
      <c r="E42" s="7">
        <v>0</v>
      </c>
      <c r="F42" s="7">
        <v>0</v>
      </c>
    </row>
    <row r="43" spans="1:8" x14ac:dyDescent="0.25">
      <c r="A43" s="2" t="s">
        <v>79</v>
      </c>
      <c r="B43" s="4" t="s">
        <v>556</v>
      </c>
      <c r="C43" s="7">
        <v>0</v>
      </c>
      <c r="D43" s="7">
        <v>0</v>
      </c>
      <c r="E43" s="7">
        <v>0</v>
      </c>
      <c r="F43" s="7">
        <v>0</v>
      </c>
    </row>
    <row r="44" spans="1:8" x14ac:dyDescent="0.25">
      <c r="A44" s="2" t="s">
        <v>81</v>
      </c>
      <c r="B44" s="4" t="s">
        <v>557</v>
      </c>
      <c r="C44" s="7">
        <v>1615562900</v>
      </c>
      <c r="D44" s="7">
        <v>2618753400</v>
      </c>
      <c r="E44" s="7">
        <v>1732276537.5799999</v>
      </c>
      <c r="F44" s="7">
        <v>1715430616.1700001</v>
      </c>
    </row>
    <row r="46" spans="1:8" x14ac:dyDescent="0.25">
      <c r="A46" s="8" t="s">
        <v>6</v>
      </c>
      <c r="B46" s="8" t="s">
        <v>558</v>
      </c>
      <c r="C46" s="8" t="s">
        <v>369</v>
      </c>
      <c r="D46" s="8" t="s">
        <v>559</v>
      </c>
      <c r="E46" s="8" t="s">
        <v>168</v>
      </c>
      <c r="F46" s="8" t="s">
        <v>7</v>
      </c>
      <c r="G46" s="8" t="s">
        <v>172</v>
      </c>
      <c r="H46" s="8" t="s">
        <v>172</v>
      </c>
    </row>
    <row r="47" spans="1:8" ht="21" x14ac:dyDescent="0.25">
      <c r="A47" s="8" t="s">
        <v>7</v>
      </c>
      <c r="B47" s="8" t="s">
        <v>7</v>
      </c>
      <c r="C47" s="8" t="s">
        <v>7</v>
      </c>
      <c r="D47" s="8" t="s">
        <v>7</v>
      </c>
      <c r="E47" s="1" t="s">
        <v>535</v>
      </c>
      <c r="F47" s="1" t="s">
        <v>536</v>
      </c>
      <c r="G47" s="1" t="s">
        <v>535</v>
      </c>
      <c r="H47" s="1" t="s">
        <v>536</v>
      </c>
    </row>
    <row r="48" spans="1:8" x14ac:dyDescent="0.25">
      <c r="A48" s="3" t="s">
        <v>83</v>
      </c>
      <c r="B48" s="5" t="s">
        <v>560</v>
      </c>
      <c r="C48" s="6">
        <v>40168800</v>
      </c>
      <c r="D48" s="6">
        <v>22627148.550000001</v>
      </c>
      <c r="E48" s="6">
        <v>6740324.9100000001</v>
      </c>
      <c r="F48" s="6">
        <v>8064819.5</v>
      </c>
      <c r="G48" s="6">
        <v>5556688.9299999997</v>
      </c>
      <c r="H48" s="6">
        <v>7556053.2300000004</v>
      </c>
    </row>
    <row r="49" spans="1:8" x14ac:dyDescent="0.25">
      <c r="A49" s="2" t="s">
        <v>85</v>
      </c>
      <c r="B49" s="4" t="s">
        <v>561</v>
      </c>
      <c r="C49" s="7">
        <v>32380800</v>
      </c>
      <c r="D49" s="7">
        <v>20939148.550000001</v>
      </c>
      <c r="E49" s="7">
        <v>6740324.9100000001</v>
      </c>
      <c r="F49" s="7">
        <v>8064819.5</v>
      </c>
      <c r="G49" s="7">
        <v>5556688.9299999997</v>
      </c>
      <c r="H49" s="7">
        <v>7556053.2300000004</v>
      </c>
    </row>
    <row r="50" spans="1:8" x14ac:dyDescent="0.25">
      <c r="A50" s="2" t="s">
        <v>87</v>
      </c>
      <c r="B50" s="4" t="s">
        <v>562</v>
      </c>
      <c r="C50" s="7">
        <v>7788000</v>
      </c>
      <c r="D50" s="7">
        <v>1688000</v>
      </c>
      <c r="E50" s="7">
        <v>0</v>
      </c>
      <c r="F50" s="7">
        <v>0</v>
      </c>
      <c r="G50" s="7">
        <v>0</v>
      </c>
      <c r="H50" s="7">
        <v>0</v>
      </c>
    </row>
    <row r="51" spans="1:8" x14ac:dyDescent="0.25">
      <c r="A51" s="3" t="s">
        <v>89</v>
      </c>
      <c r="B51" s="5" t="s">
        <v>563</v>
      </c>
      <c r="C51" s="6">
        <v>2000129500</v>
      </c>
      <c r="D51" s="6">
        <v>3195088949.8800001</v>
      </c>
      <c r="E51" s="6">
        <v>2880140390.71</v>
      </c>
      <c r="F51" s="6">
        <v>2367476864.8200002</v>
      </c>
      <c r="G51" s="6">
        <v>2835716385.1399999</v>
      </c>
      <c r="H51" s="6">
        <v>2346106707.6900001</v>
      </c>
    </row>
    <row r="52" spans="1:8" x14ac:dyDescent="0.25">
      <c r="A52" s="3" t="s">
        <v>91</v>
      </c>
      <c r="B52" s="5" t="s">
        <v>564</v>
      </c>
      <c r="C52" s="6">
        <v>1816844300</v>
      </c>
      <c r="D52" s="6">
        <v>2691221324.3499999</v>
      </c>
      <c r="E52" s="6">
        <v>2446375010.96</v>
      </c>
      <c r="F52" s="6">
        <v>1984303936.5599999</v>
      </c>
      <c r="G52" s="6">
        <v>2411757767.0700002</v>
      </c>
      <c r="H52" s="6">
        <v>1964838574.3499999</v>
      </c>
    </row>
    <row r="53" spans="1:8" x14ac:dyDescent="0.25">
      <c r="A53" s="2" t="s">
        <v>93</v>
      </c>
      <c r="B53" s="4" t="s">
        <v>565</v>
      </c>
      <c r="C53" s="7">
        <v>1613472700</v>
      </c>
      <c r="D53" s="7">
        <v>2305591045.1300001</v>
      </c>
      <c r="E53" s="7">
        <v>2118318240.76</v>
      </c>
      <c r="F53" s="7">
        <v>1709013177.29</v>
      </c>
      <c r="G53" s="7">
        <v>2088186744.4000001</v>
      </c>
      <c r="H53" s="7">
        <v>1692895557.6600001</v>
      </c>
    </row>
    <row r="54" spans="1:8" x14ac:dyDescent="0.25">
      <c r="A54" s="2" t="s">
        <v>95</v>
      </c>
      <c r="B54" s="4" t="s">
        <v>566</v>
      </c>
      <c r="C54" s="7">
        <v>110540000</v>
      </c>
      <c r="D54" s="7">
        <v>337924279.22000003</v>
      </c>
      <c r="E54" s="7">
        <v>307447665.60000002</v>
      </c>
      <c r="F54" s="7">
        <v>260432528</v>
      </c>
      <c r="G54" s="7">
        <v>304166175.50999999</v>
      </c>
      <c r="H54" s="7">
        <v>258712551.44999999</v>
      </c>
    </row>
    <row r="55" spans="1:8" x14ac:dyDescent="0.25">
      <c r="A55" s="2" t="s">
        <v>97</v>
      </c>
      <c r="B55" s="4" t="s">
        <v>567</v>
      </c>
      <c r="C55" s="7">
        <v>92831600</v>
      </c>
      <c r="D55" s="7">
        <v>47706000</v>
      </c>
      <c r="E55" s="7">
        <v>20609104.600000001</v>
      </c>
      <c r="F55" s="7">
        <v>14858231.27</v>
      </c>
      <c r="G55" s="7">
        <v>19404847.16</v>
      </c>
      <c r="H55" s="7">
        <v>13230465.24</v>
      </c>
    </row>
    <row r="56" spans="1:8" x14ac:dyDescent="0.25">
      <c r="A56" s="3" t="s">
        <v>99</v>
      </c>
      <c r="B56" s="5" t="s">
        <v>568</v>
      </c>
      <c r="C56" s="6">
        <v>180885200</v>
      </c>
      <c r="D56" s="6">
        <v>499667625.52999997</v>
      </c>
      <c r="E56" s="6">
        <v>433133252.04000002</v>
      </c>
      <c r="F56" s="6">
        <v>379522778.36000001</v>
      </c>
      <c r="G56" s="6">
        <v>423326550.16000003</v>
      </c>
      <c r="H56" s="6">
        <v>377617983.44</v>
      </c>
    </row>
    <row r="57" spans="1:8" x14ac:dyDescent="0.25">
      <c r="A57" s="2" t="s">
        <v>101</v>
      </c>
      <c r="B57" s="4" t="s">
        <v>569</v>
      </c>
      <c r="C57" s="7">
        <v>154600000</v>
      </c>
      <c r="D57" s="7">
        <v>436251079.60000002</v>
      </c>
      <c r="E57" s="7">
        <v>377138539.19999999</v>
      </c>
      <c r="F57" s="7">
        <v>333094943.48000002</v>
      </c>
      <c r="G57" s="7">
        <v>368321643.91000003</v>
      </c>
      <c r="H57" s="7">
        <v>332174503.41000003</v>
      </c>
    </row>
    <row r="58" spans="1:8" x14ac:dyDescent="0.25">
      <c r="A58" s="2" t="s">
        <v>103</v>
      </c>
      <c r="B58" s="4" t="s">
        <v>566</v>
      </c>
      <c r="C58" s="7">
        <v>26219200</v>
      </c>
      <c r="D58" s="7">
        <v>62046945.93</v>
      </c>
      <c r="E58" s="7">
        <v>54955380.359999999</v>
      </c>
      <c r="F58" s="7">
        <v>45266020.880000003</v>
      </c>
      <c r="G58" s="7">
        <v>53996384.299999997</v>
      </c>
      <c r="H58" s="7">
        <v>45170380.799999997</v>
      </c>
    </row>
    <row r="59" spans="1:8" x14ac:dyDescent="0.25">
      <c r="A59" s="2" t="s">
        <v>105</v>
      </c>
      <c r="B59" s="4" t="s">
        <v>567</v>
      </c>
      <c r="C59" s="7">
        <v>66000</v>
      </c>
      <c r="D59" s="7">
        <v>1369600</v>
      </c>
      <c r="E59" s="7">
        <v>1039332.48</v>
      </c>
      <c r="F59" s="7">
        <v>1161814</v>
      </c>
      <c r="G59" s="7">
        <v>1008521.95</v>
      </c>
      <c r="H59" s="7">
        <v>273099.23</v>
      </c>
    </row>
    <row r="60" spans="1:8" x14ac:dyDescent="0.25">
      <c r="A60" s="3" t="s">
        <v>107</v>
      </c>
      <c r="B60" s="5" t="s">
        <v>570</v>
      </c>
      <c r="C60" s="6">
        <v>2400000</v>
      </c>
      <c r="D60" s="6">
        <v>4200000</v>
      </c>
      <c r="E60" s="6">
        <v>632127.71</v>
      </c>
      <c r="F60" s="6">
        <v>3650149.9</v>
      </c>
      <c r="G60" s="6">
        <v>632067.91</v>
      </c>
      <c r="H60" s="6">
        <v>3650149.9</v>
      </c>
    </row>
    <row r="61" spans="1:8" x14ac:dyDescent="0.25">
      <c r="A61" s="2" t="s">
        <v>109</v>
      </c>
      <c r="B61" s="4" t="s">
        <v>571</v>
      </c>
      <c r="C61" s="7">
        <v>2400000</v>
      </c>
      <c r="D61" s="7">
        <v>4200000</v>
      </c>
      <c r="E61" s="7">
        <v>632127.71</v>
      </c>
      <c r="F61" s="7">
        <v>3650149.9</v>
      </c>
      <c r="G61" s="7">
        <v>632067.91</v>
      </c>
      <c r="H61" s="7">
        <v>3650149.9</v>
      </c>
    </row>
    <row r="62" spans="1:8" x14ac:dyDescent="0.25">
      <c r="A62" s="2" t="s">
        <v>111</v>
      </c>
      <c r="B62" s="4" t="s">
        <v>572</v>
      </c>
      <c r="C62" s="7">
        <v>0</v>
      </c>
      <c r="D62" s="7">
        <v>0</v>
      </c>
      <c r="E62" s="7">
        <v>0</v>
      </c>
      <c r="F62" s="7">
        <v>0</v>
      </c>
      <c r="G62" s="7">
        <v>0</v>
      </c>
      <c r="H62" s="7">
        <v>0</v>
      </c>
    </row>
    <row r="63" spans="1:8" x14ac:dyDescent="0.25">
      <c r="A63" s="3" t="s">
        <v>113</v>
      </c>
      <c r="B63" s="5" t="s">
        <v>573</v>
      </c>
      <c r="C63" s="6">
        <v>2040298300</v>
      </c>
      <c r="D63" s="6">
        <v>3217716098.4299998</v>
      </c>
      <c r="E63" s="6">
        <v>2886880715.6199999</v>
      </c>
      <c r="F63" s="6">
        <v>2375541684.3200002</v>
      </c>
      <c r="G63" s="6">
        <v>2841273074.0700002</v>
      </c>
      <c r="H63" s="6">
        <v>2353662760.9200001</v>
      </c>
    </row>
    <row r="65" spans="1:8" x14ac:dyDescent="0.25">
      <c r="A65" s="8" t="s">
        <v>6</v>
      </c>
      <c r="B65" s="8" t="s">
        <v>574</v>
      </c>
      <c r="C65" s="8" t="s">
        <v>369</v>
      </c>
      <c r="D65" s="8" t="s">
        <v>559</v>
      </c>
      <c r="E65" s="8" t="s">
        <v>168</v>
      </c>
      <c r="F65" s="8" t="s">
        <v>7</v>
      </c>
      <c r="G65" s="8" t="s">
        <v>172</v>
      </c>
      <c r="H65" s="8" t="s">
        <v>172</v>
      </c>
    </row>
    <row r="66" spans="1:8" ht="21" x14ac:dyDescent="0.25">
      <c r="A66" s="8" t="s">
        <v>7</v>
      </c>
      <c r="B66" s="8" t="s">
        <v>7</v>
      </c>
      <c r="C66" s="8" t="s">
        <v>7</v>
      </c>
      <c r="D66" s="8" t="s">
        <v>7</v>
      </c>
      <c r="E66" s="1" t="s">
        <v>535</v>
      </c>
      <c r="F66" s="1" t="s">
        <v>536</v>
      </c>
      <c r="G66" s="1" t="s">
        <v>535</v>
      </c>
      <c r="H66" s="1" t="s">
        <v>536</v>
      </c>
    </row>
    <row r="67" spans="1:8" x14ac:dyDescent="0.25">
      <c r="A67" s="2" t="s">
        <v>115</v>
      </c>
      <c r="B67" s="4" t="s">
        <v>575</v>
      </c>
      <c r="C67" s="7">
        <v>-424735400</v>
      </c>
      <c r="D67" s="7">
        <v>-598962698.42999995</v>
      </c>
      <c r="E67" s="7">
        <v>-1154604178.04</v>
      </c>
      <c r="F67" s="7">
        <v>-660111068.14999998</v>
      </c>
      <c r="G67" s="7">
        <v>-1108996536.49</v>
      </c>
      <c r="H67" s="7">
        <v>-638232144.75</v>
      </c>
    </row>
    <row r="69" spans="1:8" x14ac:dyDescent="0.25">
      <c r="A69" s="8" t="s">
        <v>6</v>
      </c>
      <c r="B69" s="8" t="s">
        <v>576</v>
      </c>
      <c r="C69" s="8" t="s">
        <v>577</v>
      </c>
    </row>
    <row r="70" spans="1:8" x14ac:dyDescent="0.25">
      <c r="A70" s="8" t="s">
        <v>7</v>
      </c>
      <c r="B70" s="8" t="s">
        <v>7</v>
      </c>
      <c r="C70" s="8" t="s">
        <v>7</v>
      </c>
    </row>
    <row r="71" spans="1:8" x14ac:dyDescent="0.25">
      <c r="A71" s="2" t="s">
        <v>117</v>
      </c>
      <c r="B71" s="4" t="s">
        <v>578</v>
      </c>
      <c r="C71" s="7">
        <v>0</v>
      </c>
    </row>
    <row r="73" spans="1:8" x14ac:dyDescent="0.25">
      <c r="A73" s="8" t="s">
        <v>6</v>
      </c>
      <c r="B73" s="8" t="s">
        <v>579</v>
      </c>
      <c r="C73" s="8" t="s">
        <v>577</v>
      </c>
    </row>
    <row r="74" spans="1:8" x14ac:dyDescent="0.25">
      <c r="A74" s="8" t="s">
        <v>7</v>
      </c>
      <c r="B74" s="8" t="s">
        <v>7</v>
      </c>
      <c r="C74" s="8" t="s">
        <v>7</v>
      </c>
    </row>
    <row r="75" spans="1:8" x14ac:dyDescent="0.25">
      <c r="A75" s="2" t="s">
        <v>119</v>
      </c>
      <c r="B75" s="4" t="s">
        <v>578</v>
      </c>
      <c r="C75" s="7">
        <v>0</v>
      </c>
    </row>
    <row r="77" spans="1:8" x14ac:dyDescent="0.25">
      <c r="A77" s="8" t="s">
        <v>6</v>
      </c>
      <c r="B77" s="8" t="s">
        <v>580</v>
      </c>
      <c r="C77" s="8" t="s">
        <v>581</v>
      </c>
    </row>
    <row r="78" spans="1:8" x14ac:dyDescent="0.25">
      <c r="A78" s="8" t="s">
        <v>7</v>
      </c>
      <c r="B78" s="8" t="s">
        <v>7</v>
      </c>
      <c r="C78" s="8" t="s">
        <v>7</v>
      </c>
    </row>
    <row r="79" spans="1:8" x14ac:dyDescent="0.25">
      <c r="A79" s="2" t="s">
        <v>120</v>
      </c>
      <c r="B79" s="4" t="s">
        <v>582</v>
      </c>
      <c r="C79" s="7">
        <v>0</v>
      </c>
    </row>
    <row r="80" spans="1:8" x14ac:dyDescent="0.25">
      <c r="A80" s="2" t="s">
        <v>121</v>
      </c>
      <c r="B80" s="4" t="s">
        <v>583</v>
      </c>
      <c r="C80" s="7">
        <v>0</v>
      </c>
    </row>
    <row r="81" spans="1:6" x14ac:dyDescent="0.25">
      <c r="A81" s="2" t="s">
        <v>122</v>
      </c>
      <c r="B81" s="4" t="s">
        <v>584</v>
      </c>
      <c r="C81" s="7">
        <v>4579.38</v>
      </c>
    </row>
    <row r="82" spans="1:6" x14ac:dyDescent="0.25">
      <c r="A82" s="2" t="s">
        <v>123</v>
      </c>
      <c r="B82" s="4" t="s">
        <v>585</v>
      </c>
      <c r="C82" s="7">
        <v>343050792.24000001</v>
      </c>
    </row>
    <row r="84" spans="1:6" x14ac:dyDescent="0.25">
      <c r="A84" s="8" t="s">
        <v>6</v>
      </c>
      <c r="B84" s="8" t="s">
        <v>586</v>
      </c>
      <c r="C84" s="8" t="s">
        <v>587</v>
      </c>
      <c r="D84" s="8" t="s">
        <v>587</v>
      </c>
    </row>
    <row r="85" spans="1:6" x14ac:dyDescent="0.25">
      <c r="A85" s="8" t="s">
        <v>7</v>
      </c>
      <c r="B85" s="8" t="s">
        <v>7</v>
      </c>
      <c r="C85" s="1" t="s">
        <v>588</v>
      </c>
      <c r="D85" s="1" t="s">
        <v>589</v>
      </c>
    </row>
    <row r="86" spans="1:6" x14ac:dyDescent="0.25">
      <c r="A86" s="2" t="s">
        <v>124</v>
      </c>
      <c r="B86" s="4" t="s">
        <v>590</v>
      </c>
      <c r="C86" s="7">
        <v>129229419.77</v>
      </c>
      <c r="D86" s="7">
        <v>128208.25</v>
      </c>
    </row>
    <row r="87" spans="1:6" x14ac:dyDescent="0.25">
      <c r="A87" s="2" t="s">
        <v>125</v>
      </c>
      <c r="B87" s="4" t="s">
        <v>591</v>
      </c>
      <c r="C87" s="7">
        <v>74376192.299999997</v>
      </c>
      <c r="D87" s="7">
        <v>73926805.219999999</v>
      </c>
    </row>
    <row r="88" spans="1:6" x14ac:dyDescent="0.25">
      <c r="A88" s="2" t="s">
        <v>126</v>
      </c>
      <c r="B88" s="4" t="s">
        <v>592</v>
      </c>
      <c r="C88" s="7">
        <v>0</v>
      </c>
      <c r="D88" s="7">
        <v>0</v>
      </c>
    </row>
    <row r="90" spans="1:6" x14ac:dyDescent="0.25">
      <c r="A90" s="8" t="s">
        <v>6</v>
      </c>
      <c r="B90" s="8" t="s">
        <v>593</v>
      </c>
      <c r="C90" s="8" t="s">
        <v>9</v>
      </c>
      <c r="D90" s="8" t="s">
        <v>534</v>
      </c>
      <c r="E90" s="8" t="s">
        <v>11</v>
      </c>
      <c r="F90" s="8" t="s">
        <v>11</v>
      </c>
    </row>
    <row r="91" spans="1:6" ht="21" x14ac:dyDescent="0.25">
      <c r="A91" s="8" t="s">
        <v>7</v>
      </c>
      <c r="B91" s="8" t="s">
        <v>7</v>
      </c>
      <c r="C91" s="8" t="s">
        <v>7</v>
      </c>
      <c r="D91" s="8" t="s">
        <v>7</v>
      </c>
      <c r="E91" s="1" t="s">
        <v>535</v>
      </c>
      <c r="F91" s="1" t="s">
        <v>536</v>
      </c>
    </row>
    <row r="92" spans="1:6" x14ac:dyDescent="0.25">
      <c r="A92" s="3" t="s">
        <v>127</v>
      </c>
      <c r="B92" s="5" t="s">
        <v>594</v>
      </c>
      <c r="C92" s="6">
        <v>0</v>
      </c>
      <c r="D92" s="6">
        <v>0</v>
      </c>
      <c r="E92" s="6">
        <v>0</v>
      </c>
      <c r="F92" s="6">
        <v>0</v>
      </c>
    </row>
    <row r="93" spans="1:6" x14ac:dyDescent="0.25">
      <c r="A93" s="3" t="s">
        <v>129</v>
      </c>
      <c r="B93" s="5" t="s">
        <v>595</v>
      </c>
      <c r="C93" s="6">
        <v>0</v>
      </c>
      <c r="D93" s="6">
        <v>0</v>
      </c>
      <c r="E93" s="6">
        <v>0</v>
      </c>
      <c r="F93" s="6">
        <v>0</v>
      </c>
    </row>
    <row r="94" spans="1:6" x14ac:dyDescent="0.25">
      <c r="A94" s="3" t="s">
        <v>131</v>
      </c>
      <c r="B94" s="5" t="s">
        <v>596</v>
      </c>
      <c r="C94" s="6">
        <v>0</v>
      </c>
      <c r="D94" s="6">
        <v>0</v>
      </c>
      <c r="E94" s="6">
        <v>0</v>
      </c>
      <c r="F94" s="6">
        <v>0</v>
      </c>
    </row>
    <row r="95" spans="1:6" x14ac:dyDescent="0.25">
      <c r="A95" s="2" t="s">
        <v>133</v>
      </c>
      <c r="B95" s="4" t="s">
        <v>597</v>
      </c>
      <c r="C95" s="7">
        <v>0</v>
      </c>
      <c r="D95" s="7">
        <v>0</v>
      </c>
      <c r="E95" s="7">
        <v>0</v>
      </c>
      <c r="F95" s="7">
        <v>0</v>
      </c>
    </row>
    <row r="96" spans="1:6" x14ac:dyDescent="0.25">
      <c r="A96" s="2" t="s">
        <v>135</v>
      </c>
      <c r="B96" s="4" t="s">
        <v>598</v>
      </c>
      <c r="C96" s="7">
        <v>0</v>
      </c>
      <c r="D96" s="7">
        <v>0</v>
      </c>
      <c r="E96" s="7">
        <v>0</v>
      </c>
      <c r="F96" s="7">
        <v>0</v>
      </c>
    </row>
    <row r="97" spans="1:6" x14ac:dyDescent="0.25">
      <c r="A97" s="2" t="s">
        <v>137</v>
      </c>
      <c r="B97" s="4" t="s">
        <v>599</v>
      </c>
      <c r="C97" s="7">
        <v>0</v>
      </c>
      <c r="D97" s="7">
        <v>0</v>
      </c>
      <c r="E97" s="7">
        <v>0</v>
      </c>
      <c r="F97" s="7">
        <v>0</v>
      </c>
    </row>
    <row r="98" spans="1:6" x14ac:dyDescent="0.25">
      <c r="A98" s="3" t="s">
        <v>139</v>
      </c>
      <c r="B98" s="5" t="s">
        <v>600</v>
      </c>
      <c r="C98" s="6">
        <v>0</v>
      </c>
      <c r="D98" s="6">
        <v>0</v>
      </c>
      <c r="E98" s="6">
        <v>0</v>
      </c>
      <c r="F98" s="6">
        <v>0</v>
      </c>
    </row>
    <row r="99" spans="1:6" x14ac:dyDescent="0.25">
      <c r="A99" s="2" t="s">
        <v>141</v>
      </c>
      <c r="B99" s="4" t="s">
        <v>597</v>
      </c>
      <c r="C99" s="7">
        <v>0</v>
      </c>
      <c r="D99" s="7">
        <v>0</v>
      </c>
      <c r="E99" s="7">
        <v>0</v>
      </c>
      <c r="F99" s="7">
        <v>0</v>
      </c>
    </row>
    <row r="100" spans="1:6" x14ac:dyDescent="0.25">
      <c r="A100" s="2" t="s">
        <v>143</v>
      </c>
      <c r="B100" s="4" t="s">
        <v>598</v>
      </c>
      <c r="C100" s="7">
        <v>0</v>
      </c>
      <c r="D100" s="7">
        <v>0</v>
      </c>
      <c r="E100" s="7">
        <v>0</v>
      </c>
      <c r="F100" s="7">
        <v>0</v>
      </c>
    </row>
    <row r="101" spans="1:6" x14ac:dyDescent="0.25">
      <c r="A101" s="2" t="s">
        <v>145</v>
      </c>
      <c r="B101" s="4" t="s">
        <v>599</v>
      </c>
      <c r="C101" s="7">
        <v>0</v>
      </c>
      <c r="D101" s="7">
        <v>0</v>
      </c>
      <c r="E101" s="7">
        <v>0</v>
      </c>
      <c r="F101" s="7">
        <v>0</v>
      </c>
    </row>
    <row r="102" spans="1:6" x14ac:dyDescent="0.25">
      <c r="A102" s="3" t="s">
        <v>147</v>
      </c>
      <c r="B102" s="5" t="s">
        <v>601</v>
      </c>
      <c r="C102" s="6">
        <v>0</v>
      </c>
      <c r="D102" s="6">
        <v>0</v>
      </c>
      <c r="E102" s="6">
        <v>0</v>
      </c>
      <c r="F102" s="6">
        <v>0</v>
      </c>
    </row>
    <row r="103" spans="1:6" x14ac:dyDescent="0.25">
      <c r="A103" s="3" t="s">
        <v>149</v>
      </c>
      <c r="B103" s="5" t="s">
        <v>596</v>
      </c>
      <c r="C103" s="6">
        <v>0</v>
      </c>
      <c r="D103" s="6">
        <v>0</v>
      </c>
      <c r="E103" s="6">
        <v>0</v>
      </c>
      <c r="F103" s="6">
        <v>0</v>
      </c>
    </row>
    <row r="104" spans="1:6" x14ac:dyDescent="0.25">
      <c r="A104" s="2" t="s">
        <v>151</v>
      </c>
      <c r="B104" s="4" t="s">
        <v>597</v>
      </c>
      <c r="C104" s="7">
        <v>0</v>
      </c>
      <c r="D104" s="7">
        <v>0</v>
      </c>
      <c r="E104" s="7">
        <v>0</v>
      </c>
      <c r="F104" s="7">
        <v>0</v>
      </c>
    </row>
    <row r="105" spans="1:6" x14ac:dyDescent="0.25">
      <c r="A105" s="2" t="s">
        <v>152</v>
      </c>
      <c r="B105" s="4" t="s">
        <v>598</v>
      </c>
      <c r="C105" s="7">
        <v>0</v>
      </c>
      <c r="D105" s="7">
        <v>0</v>
      </c>
      <c r="E105" s="7">
        <v>0</v>
      </c>
      <c r="F105" s="7">
        <v>0</v>
      </c>
    </row>
    <row r="106" spans="1:6" x14ac:dyDescent="0.25">
      <c r="A106" s="2" t="s">
        <v>153</v>
      </c>
      <c r="B106" s="4" t="s">
        <v>599</v>
      </c>
      <c r="C106" s="7">
        <v>0</v>
      </c>
      <c r="D106" s="7">
        <v>0</v>
      </c>
      <c r="E106" s="7">
        <v>0</v>
      </c>
      <c r="F106" s="7">
        <v>0</v>
      </c>
    </row>
    <row r="107" spans="1:6" x14ac:dyDescent="0.25">
      <c r="A107" s="3" t="s">
        <v>155</v>
      </c>
      <c r="B107" s="5" t="s">
        <v>600</v>
      </c>
      <c r="C107" s="6">
        <v>0</v>
      </c>
      <c r="D107" s="6">
        <v>0</v>
      </c>
      <c r="E107" s="6">
        <v>0</v>
      </c>
      <c r="F107" s="6">
        <v>0</v>
      </c>
    </row>
    <row r="108" spans="1:6" x14ac:dyDescent="0.25">
      <c r="A108" s="2" t="s">
        <v>157</v>
      </c>
      <c r="B108" s="4" t="s">
        <v>597</v>
      </c>
      <c r="C108" s="7">
        <v>0</v>
      </c>
      <c r="D108" s="7">
        <v>0</v>
      </c>
      <c r="E108" s="7">
        <v>0</v>
      </c>
      <c r="F108" s="7">
        <v>0</v>
      </c>
    </row>
    <row r="109" spans="1:6" x14ac:dyDescent="0.25">
      <c r="A109" s="2" t="s">
        <v>159</v>
      </c>
      <c r="B109" s="4" t="s">
        <v>598</v>
      </c>
      <c r="C109" s="7">
        <v>0</v>
      </c>
      <c r="D109" s="7">
        <v>0</v>
      </c>
      <c r="E109" s="7">
        <v>0</v>
      </c>
      <c r="F109" s="7">
        <v>0</v>
      </c>
    </row>
    <row r="110" spans="1:6" x14ac:dyDescent="0.25">
      <c r="A110" s="2" t="s">
        <v>161</v>
      </c>
      <c r="B110" s="4" t="s">
        <v>599</v>
      </c>
      <c r="C110" s="7">
        <v>0</v>
      </c>
      <c r="D110" s="7">
        <v>0</v>
      </c>
      <c r="E110" s="7">
        <v>0</v>
      </c>
      <c r="F110" s="7">
        <v>0</v>
      </c>
    </row>
    <row r="111" spans="1:6" x14ac:dyDescent="0.25">
      <c r="A111" s="3" t="s">
        <v>163</v>
      </c>
      <c r="B111" s="5" t="s">
        <v>602</v>
      </c>
      <c r="C111" s="6">
        <v>0</v>
      </c>
      <c r="D111" s="6">
        <v>0</v>
      </c>
      <c r="E111" s="6">
        <v>0</v>
      </c>
      <c r="F111" s="6">
        <v>0</v>
      </c>
    </row>
    <row r="112" spans="1:6" x14ac:dyDescent="0.25">
      <c r="A112" s="2" t="s">
        <v>176</v>
      </c>
      <c r="B112" s="4" t="s">
        <v>603</v>
      </c>
      <c r="C112" s="7">
        <v>0</v>
      </c>
      <c r="D112" s="7">
        <v>0</v>
      </c>
      <c r="E112" s="7">
        <v>0</v>
      </c>
      <c r="F112" s="7">
        <v>0</v>
      </c>
    </row>
    <row r="113" spans="1:8" x14ac:dyDescent="0.25">
      <c r="A113" s="2" t="s">
        <v>178</v>
      </c>
      <c r="B113" s="4" t="s">
        <v>604</v>
      </c>
      <c r="C113" s="7">
        <v>0</v>
      </c>
      <c r="D113" s="7">
        <v>0</v>
      </c>
      <c r="E113" s="7">
        <v>0</v>
      </c>
      <c r="F113" s="7">
        <v>0</v>
      </c>
    </row>
    <row r="114" spans="1:8" x14ac:dyDescent="0.25">
      <c r="A114" s="2" t="s">
        <v>180</v>
      </c>
      <c r="B114" s="4" t="s">
        <v>519</v>
      </c>
      <c r="C114" s="7">
        <v>0</v>
      </c>
      <c r="D114" s="7">
        <v>0</v>
      </c>
      <c r="E114" s="7">
        <v>0</v>
      </c>
      <c r="F114" s="7">
        <v>0</v>
      </c>
    </row>
    <row r="115" spans="1:8" x14ac:dyDescent="0.25">
      <c r="A115" s="2" t="s">
        <v>182</v>
      </c>
      <c r="B115" s="4" t="s">
        <v>605</v>
      </c>
      <c r="C115" s="7">
        <v>0</v>
      </c>
      <c r="D115" s="7">
        <v>0</v>
      </c>
      <c r="E115" s="7">
        <v>0</v>
      </c>
      <c r="F115" s="7">
        <v>0</v>
      </c>
    </row>
    <row r="116" spans="1:8" x14ac:dyDescent="0.25">
      <c r="A116" s="3" t="s">
        <v>184</v>
      </c>
      <c r="B116" s="5" t="s">
        <v>606</v>
      </c>
      <c r="C116" s="6">
        <v>0</v>
      </c>
      <c r="D116" s="6">
        <v>0</v>
      </c>
      <c r="E116" s="6">
        <v>0</v>
      </c>
      <c r="F116" s="6">
        <v>0</v>
      </c>
    </row>
    <row r="117" spans="1:8" x14ac:dyDescent="0.25">
      <c r="A117" s="2" t="s">
        <v>186</v>
      </c>
      <c r="B117" s="4" t="s">
        <v>607</v>
      </c>
      <c r="C117" s="7">
        <v>0</v>
      </c>
      <c r="D117" s="7">
        <v>0</v>
      </c>
      <c r="E117" s="7">
        <v>0</v>
      </c>
      <c r="F117" s="7">
        <v>0</v>
      </c>
    </row>
    <row r="118" spans="1:8" x14ac:dyDescent="0.25">
      <c r="A118" s="2" t="s">
        <v>188</v>
      </c>
      <c r="B118" s="4" t="s">
        <v>306</v>
      </c>
      <c r="C118" s="7">
        <v>0</v>
      </c>
      <c r="D118" s="7">
        <v>0</v>
      </c>
      <c r="E118" s="7">
        <v>0</v>
      </c>
      <c r="F118" s="7">
        <v>0</v>
      </c>
    </row>
    <row r="119" spans="1:8" x14ac:dyDescent="0.25">
      <c r="A119" s="3" t="s">
        <v>190</v>
      </c>
      <c r="B119" s="5" t="s">
        <v>608</v>
      </c>
      <c r="C119" s="6">
        <v>0</v>
      </c>
      <c r="D119" s="6">
        <v>0</v>
      </c>
      <c r="E119" s="6">
        <v>0</v>
      </c>
      <c r="F119" s="6">
        <v>0</v>
      </c>
    </row>
    <row r="120" spans="1:8" x14ac:dyDescent="0.25">
      <c r="A120" s="2" t="s">
        <v>192</v>
      </c>
      <c r="B120" s="4" t="s">
        <v>609</v>
      </c>
      <c r="C120" s="7">
        <v>0</v>
      </c>
      <c r="D120" s="7">
        <v>0</v>
      </c>
      <c r="E120" s="7">
        <v>0</v>
      </c>
      <c r="F120" s="7">
        <v>0</v>
      </c>
    </row>
    <row r="121" spans="1:8" x14ac:dyDescent="0.25">
      <c r="A121" s="2" t="s">
        <v>194</v>
      </c>
      <c r="B121" s="4" t="s">
        <v>610</v>
      </c>
      <c r="C121" s="7">
        <v>0</v>
      </c>
      <c r="D121" s="7">
        <v>0</v>
      </c>
      <c r="E121" s="7">
        <v>0</v>
      </c>
      <c r="F121" s="7">
        <v>0</v>
      </c>
    </row>
    <row r="122" spans="1:8" x14ac:dyDescent="0.25">
      <c r="A122" s="2" t="s">
        <v>196</v>
      </c>
      <c r="B122" s="4" t="s">
        <v>611</v>
      </c>
      <c r="C122" s="7">
        <v>0</v>
      </c>
      <c r="D122" s="7">
        <v>0</v>
      </c>
      <c r="E122" s="7">
        <v>0</v>
      </c>
      <c r="F122" s="7">
        <v>0</v>
      </c>
    </row>
    <row r="123" spans="1:8" x14ac:dyDescent="0.25">
      <c r="A123" s="3" t="s">
        <v>198</v>
      </c>
      <c r="B123" s="5" t="s">
        <v>612</v>
      </c>
      <c r="C123" s="6">
        <v>0</v>
      </c>
      <c r="D123" s="6">
        <v>0</v>
      </c>
      <c r="E123" s="6">
        <v>0</v>
      </c>
      <c r="F123" s="6">
        <v>0</v>
      </c>
    </row>
    <row r="125" spans="1:8" x14ac:dyDescent="0.25">
      <c r="A125" s="8" t="s">
        <v>6</v>
      </c>
      <c r="B125" s="8" t="s">
        <v>613</v>
      </c>
      <c r="C125" s="8" t="s">
        <v>369</v>
      </c>
      <c r="D125" s="8" t="s">
        <v>559</v>
      </c>
      <c r="E125" s="8" t="s">
        <v>168</v>
      </c>
      <c r="F125" s="8" t="s">
        <v>7</v>
      </c>
      <c r="G125" s="8" t="s">
        <v>172</v>
      </c>
      <c r="H125" s="8" t="s">
        <v>172</v>
      </c>
    </row>
    <row r="126" spans="1:8" ht="21" x14ac:dyDescent="0.25">
      <c r="A126" s="8" t="s">
        <v>7</v>
      </c>
      <c r="B126" s="8" t="s">
        <v>7</v>
      </c>
      <c r="C126" s="8" t="s">
        <v>7</v>
      </c>
      <c r="D126" s="8" t="s">
        <v>7</v>
      </c>
      <c r="E126" s="1" t="s">
        <v>535</v>
      </c>
      <c r="F126" s="1" t="s">
        <v>536</v>
      </c>
      <c r="G126" s="1" t="s">
        <v>535</v>
      </c>
      <c r="H126" s="1" t="s">
        <v>536</v>
      </c>
    </row>
    <row r="127" spans="1:8" x14ac:dyDescent="0.25">
      <c r="A127" s="3" t="s">
        <v>200</v>
      </c>
      <c r="B127" s="5" t="s">
        <v>614</v>
      </c>
      <c r="C127" s="6">
        <v>0</v>
      </c>
      <c r="D127" s="6">
        <v>0</v>
      </c>
      <c r="E127" s="6">
        <v>0</v>
      </c>
      <c r="F127" s="6">
        <v>0</v>
      </c>
      <c r="G127" s="6">
        <v>0</v>
      </c>
      <c r="H127" s="6">
        <v>0</v>
      </c>
    </row>
    <row r="128" spans="1:8" x14ac:dyDescent="0.25">
      <c r="A128" s="2" t="s">
        <v>202</v>
      </c>
      <c r="B128" s="4" t="s">
        <v>561</v>
      </c>
      <c r="C128" s="7">
        <v>0</v>
      </c>
      <c r="D128" s="7">
        <v>0</v>
      </c>
      <c r="E128" s="7">
        <v>0</v>
      </c>
      <c r="F128" s="7">
        <v>0</v>
      </c>
      <c r="G128" s="7">
        <v>0</v>
      </c>
      <c r="H128" s="7">
        <v>0</v>
      </c>
    </row>
    <row r="129" spans="1:8" x14ac:dyDescent="0.25">
      <c r="A129" s="2" t="s">
        <v>204</v>
      </c>
      <c r="B129" s="4" t="s">
        <v>562</v>
      </c>
      <c r="C129" s="7">
        <v>0</v>
      </c>
      <c r="D129" s="7">
        <v>0</v>
      </c>
      <c r="E129" s="7">
        <v>0</v>
      </c>
      <c r="F129" s="7">
        <v>0</v>
      </c>
      <c r="G129" s="7">
        <v>0</v>
      </c>
      <c r="H129" s="7">
        <v>0</v>
      </c>
    </row>
    <row r="130" spans="1:8" x14ac:dyDescent="0.25">
      <c r="A130" s="3" t="s">
        <v>206</v>
      </c>
      <c r="B130" s="5" t="s">
        <v>615</v>
      </c>
      <c r="C130" s="6">
        <v>0</v>
      </c>
      <c r="D130" s="6">
        <v>0</v>
      </c>
      <c r="E130" s="6">
        <v>0</v>
      </c>
      <c r="F130" s="6">
        <v>0</v>
      </c>
      <c r="G130" s="6">
        <v>0</v>
      </c>
      <c r="H130" s="6">
        <v>0</v>
      </c>
    </row>
    <row r="131" spans="1:8" x14ac:dyDescent="0.25">
      <c r="A131" s="3" t="s">
        <v>208</v>
      </c>
      <c r="B131" s="5" t="s">
        <v>564</v>
      </c>
      <c r="C131" s="6">
        <v>0</v>
      </c>
      <c r="D131" s="6">
        <v>0</v>
      </c>
      <c r="E131" s="6">
        <v>0</v>
      </c>
      <c r="F131" s="6">
        <v>0</v>
      </c>
      <c r="G131" s="6">
        <v>0</v>
      </c>
      <c r="H131" s="6">
        <v>0</v>
      </c>
    </row>
    <row r="132" spans="1:8" x14ac:dyDescent="0.25">
      <c r="A132" s="2" t="s">
        <v>210</v>
      </c>
      <c r="B132" s="4" t="s">
        <v>565</v>
      </c>
      <c r="C132" s="7">
        <v>0</v>
      </c>
      <c r="D132" s="7">
        <v>0</v>
      </c>
      <c r="E132" s="7">
        <v>0</v>
      </c>
      <c r="F132" s="7">
        <v>0</v>
      </c>
      <c r="G132" s="7">
        <v>0</v>
      </c>
      <c r="H132" s="7">
        <v>0</v>
      </c>
    </row>
    <row r="133" spans="1:8" x14ac:dyDescent="0.25">
      <c r="A133" s="2" t="s">
        <v>212</v>
      </c>
      <c r="B133" s="4" t="s">
        <v>566</v>
      </c>
      <c r="C133" s="7">
        <v>0</v>
      </c>
      <c r="D133" s="7">
        <v>0</v>
      </c>
      <c r="E133" s="7">
        <v>0</v>
      </c>
      <c r="F133" s="7">
        <v>0</v>
      </c>
      <c r="G133" s="7">
        <v>0</v>
      </c>
      <c r="H133" s="7">
        <v>0</v>
      </c>
    </row>
    <row r="134" spans="1:8" x14ac:dyDescent="0.25">
      <c r="A134" s="2" t="s">
        <v>214</v>
      </c>
      <c r="B134" s="4" t="s">
        <v>567</v>
      </c>
      <c r="C134" s="7">
        <v>0</v>
      </c>
      <c r="D134" s="7">
        <v>0</v>
      </c>
      <c r="E134" s="7">
        <v>0</v>
      </c>
      <c r="F134" s="7">
        <v>0</v>
      </c>
      <c r="G134" s="7">
        <v>0</v>
      </c>
      <c r="H134" s="7">
        <v>0</v>
      </c>
    </row>
    <row r="135" spans="1:8" x14ac:dyDescent="0.25">
      <c r="A135" s="3" t="s">
        <v>215</v>
      </c>
      <c r="B135" s="5" t="s">
        <v>568</v>
      </c>
      <c r="C135" s="6">
        <v>0</v>
      </c>
      <c r="D135" s="6">
        <v>0</v>
      </c>
      <c r="E135" s="6">
        <v>0</v>
      </c>
      <c r="F135" s="6">
        <v>0</v>
      </c>
      <c r="G135" s="6">
        <v>0</v>
      </c>
      <c r="H135" s="6">
        <v>0</v>
      </c>
    </row>
    <row r="136" spans="1:8" x14ac:dyDescent="0.25">
      <c r="A136" s="2" t="s">
        <v>216</v>
      </c>
      <c r="B136" s="4" t="s">
        <v>569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</row>
    <row r="137" spans="1:8" x14ac:dyDescent="0.25">
      <c r="A137" s="2" t="s">
        <v>218</v>
      </c>
      <c r="B137" s="4" t="s">
        <v>566</v>
      </c>
      <c r="C137" s="7">
        <v>0</v>
      </c>
      <c r="D137" s="7">
        <v>0</v>
      </c>
      <c r="E137" s="7">
        <v>0</v>
      </c>
      <c r="F137" s="7">
        <v>0</v>
      </c>
      <c r="G137" s="7">
        <v>0</v>
      </c>
      <c r="H137" s="7">
        <v>0</v>
      </c>
    </row>
    <row r="138" spans="1:8" x14ac:dyDescent="0.25">
      <c r="A138" s="2" t="s">
        <v>220</v>
      </c>
      <c r="B138" s="4" t="s">
        <v>567</v>
      </c>
      <c r="C138" s="7">
        <v>0</v>
      </c>
      <c r="D138" s="7">
        <v>0</v>
      </c>
      <c r="E138" s="7">
        <v>0</v>
      </c>
      <c r="F138" s="7">
        <v>0</v>
      </c>
      <c r="G138" s="7">
        <v>0</v>
      </c>
      <c r="H138" s="7">
        <v>0</v>
      </c>
    </row>
    <row r="139" spans="1:8" x14ac:dyDescent="0.25">
      <c r="A139" s="3" t="s">
        <v>222</v>
      </c>
      <c r="B139" s="5" t="s">
        <v>570</v>
      </c>
      <c r="C139" s="6">
        <v>0</v>
      </c>
      <c r="D139" s="6">
        <v>0</v>
      </c>
      <c r="E139" s="6">
        <v>0</v>
      </c>
      <c r="F139" s="6">
        <v>0</v>
      </c>
      <c r="G139" s="6">
        <v>0</v>
      </c>
      <c r="H139" s="6">
        <v>0</v>
      </c>
    </row>
    <row r="140" spans="1:8" x14ac:dyDescent="0.25">
      <c r="A140" s="2" t="s">
        <v>225</v>
      </c>
      <c r="B140" s="4" t="s">
        <v>571</v>
      </c>
      <c r="C140" s="7">
        <v>0</v>
      </c>
      <c r="D140" s="7">
        <v>0</v>
      </c>
      <c r="E140" s="7">
        <v>0</v>
      </c>
      <c r="F140" s="7">
        <v>0</v>
      </c>
      <c r="G140" s="7">
        <v>0</v>
      </c>
      <c r="H140" s="7">
        <v>0</v>
      </c>
    </row>
    <row r="141" spans="1:8" x14ac:dyDescent="0.25">
      <c r="A141" s="2" t="s">
        <v>227</v>
      </c>
      <c r="B141" s="4" t="s">
        <v>572</v>
      </c>
      <c r="C141" s="7">
        <v>0</v>
      </c>
      <c r="D141" s="7">
        <v>0</v>
      </c>
      <c r="E141" s="7">
        <v>0</v>
      </c>
      <c r="F141" s="7">
        <v>0</v>
      </c>
      <c r="G141" s="7">
        <v>0</v>
      </c>
      <c r="H141" s="7">
        <v>0</v>
      </c>
    </row>
    <row r="142" spans="1:8" x14ac:dyDescent="0.25">
      <c r="A142" s="3" t="s">
        <v>229</v>
      </c>
      <c r="B142" s="5" t="s">
        <v>616</v>
      </c>
      <c r="C142" s="6">
        <v>0</v>
      </c>
      <c r="D142" s="6">
        <v>0</v>
      </c>
      <c r="E142" s="6">
        <v>0</v>
      </c>
      <c r="F142" s="6">
        <v>0</v>
      </c>
      <c r="G142" s="6">
        <v>0</v>
      </c>
      <c r="H142" s="6">
        <v>0</v>
      </c>
    </row>
    <row r="144" spans="1:8" x14ac:dyDescent="0.25">
      <c r="A144" s="8" t="s">
        <v>6</v>
      </c>
      <c r="B144" s="8" t="s">
        <v>617</v>
      </c>
      <c r="C144" s="8" t="s">
        <v>369</v>
      </c>
      <c r="D144" s="8" t="s">
        <v>559</v>
      </c>
      <c r="E144" s="8" t="s">
        <v>168</v>
      </c>
      <c r="F144" s="8" t="s">
        <v>7</v>
      </c>
      <c r="G144" s="8" t="s">
        <v>172</v>
      </c>
      <c r="H144" s="8" t="s">
        <v>172</v>
      </c>
    </row>
    <row r="145" spans="1:8" ht="21" x14ac:dyDescent="0.25">
      <c r="A145" s="8" t="s">
        <v>7</v>
      </c>
      <c r="B145" s="8" t="s">
        <v>7</v>
      </c>
      <c r="C145" s="8" t="s">
        <v>7</v>
      </c>
      <c r="D145" s="8" t="s">
        <v>7</v>
      </c>
      <c r="E145" s="1" t="s">
        <v>535</v>
      </c>
      <c r="F145" s="1" t="s">
        <v>536</v>
      </c>
      <c r="G145" s="1" t="s">
        <v>535</v>
      </c>
      <c r="H145" s="1" t="s">
        <v>536</v>
      </c>
    </row>
    <row r="146" spans="1:8" x14ac:dyDescent="0.25">
      <c r="A146" s="2" t="s">
        <v>231</v>
      </c>
      <c r="B146" s="4" t="s">
        <v>618</v>
      </c>
      <c r="C146" s="7">
        <v>0</v>
      </c>
      <c r="D146" s="7">
        <v>0</v>
      </c>
      <c r="E146" s="7">
        <v>0</v>
      </c>
      <c r="F146" s="7">
        <v>0</v>
      </c>
      <c r="G146" s="7">
        <v>0</v>
      </c>
      <c r="H146" s="7">
        <v>0</v>
      </c>
    </row>
    <row r="148" spans="1:8" x14ac:dyDescent="0.25">
      <c r="A148" s="8" t="s">
        <v>6</v>
      </c>
      <c r="B148" s="8" t="s">
        <v>619</v>
      </c>
      <c r="C148" s="8" t="s">
        <v>581</v>
      </c>
    </row>
    <row r="149" spans="1:8" x14ac:dyDescent="0.25">
      <c r="A149" s="8" t="s">
        <v>7</v>
      </c>
      <c r="B149" s="8" t="s">
        <v>7</v>
      </c>
      <c r="C149" s="8" t="s">
        <v>7</v>
      </c>
    </row>
    <row r="150" spans="1:8" x14ac:dyDescent="0.25">
      <c r="A150" s="2" t="s">
        <v>233</v>
      </c>
      <c r="B150" s="4" t="s">
        <v>620</v>
      </c>
      <c r="C150" s="7">
        <v>0</v>
      </c>
    </row>
    <row r="151" spans="1:8" x14ac:dyDescent="0.25">
      <c r="A151" s="2" t="s">
        <v>235</v>
      </c>
      <c r="B151" s="4" t="s">
        <v>621</v>
      </c>
      <c r="C151" s="7">
        <v>0</v>
      </c>
    </row>
  </sheetData>
  <mergeCells count="55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G46:H46"/>
    <mergeCell ref="A65:A66"/>
    <mergeCell ref="B65:B66"/>
    <mergeCell ref="C65:C66"/>
    <mergeCell ref="D65:D66"/>
    <mergeCell ref="E65:F65"/>
    <mergeCell ref="G65:H65"/>
    <mergeCell ref="A46:A47"/>
    <mergeCell ref="B46:B47"/>
    <mergeCell ref="C46:C47"/>
    <mergeCell ref="D46:D47"/>
    <mergeCell ref="E46:F46"/>
    <mergeCell ref="A69:A70"/>
    <mergeCell ref="B69:B70"/>
    <mergeCell ref="C69:C70"/>
    <mergeCell ref="A73:A74"/>
    <mergeCell ref="B73:B74"/>
    <mergeCell ref="C73:C74"/>
    <mergeCell ref="A77:A78"/>
    <mergeCell ref="B77:B78"/>
    <mergeCell ref="C77:C78"/>
    <mergeCell ref="A84:A85"/>
    <mergeCell ref="B84:B85"/>
    <mergeCell ref="C84:D84"/>
    <mergeCell ref="A90:A91"/>
    <mergeCell ref="B90:B91"/>
    <mergeCell ref="C90:C91"/>
    <mergeCell ref="D90:D91"/>
    <mergeCell ref="E90:F90"/>
    <mergeCell ref="A148:A149"/>
    <mergeCell ref="B148:B149"/>
    <mergeCell ref="C148:C149"/>
    <mergeCell ref="G125:H125"/>
    <mergeCell ref="A144:A145"/>
    <mergeCell ref="B144:B145"/>
    <mergeCell ref="C144:C145"/>
    <mergeCell ref="D144:D145"/>
    <mergeCell ref="E144:F144"/>
    <mergeCell ref="G144:H144"/>
    <mergeCell ref="A125:A126"/>
    <mergeCell ref="B125:B126"/>
    <mergeCell ref="C125:C126"/>
    <mergeCell ref="D125:D126"/>
    <mergeCell ref="E125:F125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5"/>
  <sheetViews>
    <sheetView showGridLines="0" topLeftCell="A58" workbookViewId="0">
      <selection activeCell="C85" sqref="C85"/>
    </sheetView>
  </sheetViews>
  <sheetFormatPr defaultRowHeight="15" x14ac:dyDescent="0.25"/>
  <cols>
    <col min="1" max="1" width="2.7109375" bestFit="1" customWidth="1"/>
    <col min="2" max="2" width="79" bestFit="1" customWidth="1"/>
    <col min="3" max="4" width="20.42578125" bestFit="1" customWidth="1"/>
    <col min="5" max="6" width="20.140625" bestFit="1" customWidth="1"/>
    <col min="7" max="7" width="30" bestFit="1" customWidth="1"/>
    <col min="8" max="8" width="17.42578125" bestFit="1" customWidth="1"/>
    <col min="9" max="9" width="17.28515625" bestFit="1" customWidth="1"/>
  </cols>
  <sheetData>
    <row r="3" spans="1:9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</row>
    <row r="4" spans="1:9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</row>
    <row r="5" spans="1:9" x14ac:dyDescent="0.25">
      <c r="A5" s="12" t="s">
        <v>622</v>
      </c>
      <c r="B5" s="10"/>
      <c r="C5" s="10"/>
      <c r="D5" s="10"/>
      <c r="E5" s="10"/>
      <c r="F5" s="10"/>
      <c r="G5" s="10"/>
      <c r="H5" s="10"/>
      <c r="I5" s="10"/>
    </row>
    <row r="6" spans="1:9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</row>
    <row r="7" spans="1:9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</row>
    <row r="9" spans="1:9" x14ac:dyDescent="0.25">
      <c r="A9" s="9" t="s">
        <v>623</v>
      </c>
      <c r="B9" s="10"/>
      <c r="C9" s="10"/>
      <c r="D9" s="10"/>
      <c r="E9" s="10"/>
      <c r="F9" s="10"/>
      <c r="G9" s="10"/>
      <c r="H9" s="10"/>
      <c r="I9" s="10"/>
    </row>
    <row r="10" spans="1:9" x14ac:dyDescent="0.25">
      <c r="A10" s="8" t="s">
        <v>6</v>
      </c>
      <c r="B10" s="8" t="s">
        <v>624</v>
      </c>
      <c r="C10" s="8" t="s">
        <v>534</v>
      </c>
      <c r="D10" s="1" t="s">
        <v>535</v>
      </c>
    </row>
    <row r="11" spans="1:9" ht="21" x14ac:dyDescent="0.25">
      <c r="A11" s="8" t="s">
        <v>7</v>
      </c>
      <c r="B11" s="8" t="s">
        <v>7</v>
      </c>
      <c r="C11" s="8" t="s">
        <v>7</v>
      </c>
      <c r="D11" s="1" t="s">
        <v>625</v>
      </c>
    </row>
    <row r="12" spans="1:9" x14ac:dyDescent="0.25">
      <c r="A12" s="3" t="s">
        <v>17</v>
      </c>
      <c r="B12" s="5" t="s">
        <v>511</v>
      </c>
      <c r="C12" s="6">
        <v>12316923035</v>
      </c>
      <c r="D12" s="6">
        <v>10305886720.360001</v>
      </c>
    </row>
    <row r="13" spans="1:9" x14ac:dyDescent="0.25">
      <c r="A13" s="3" t="s">
        <v>19</v>
      </c>
      <c r="B13" s="5" t="s">
        <v>626</v>
      </c>
      <c r="C13" s="6">
        <v>6966222000</v>
      </c>
      <c r="D13" s="6">
        <v>5694465082.8000002</v>
      </c>
    </row>
    <row r="14" spans="1:9" x14ac:dyDescent="0.25">
      <c r="A14" s="2" t="s">
        <v>21</v>
      </c>
      <c r="B14" s="4" t="s">
        <v>627</v>
      </c>
      <c r="C14" s="7">
        <v>5357399900</v>
      </c>
      <c r="D14" s="7">
        <v>4408797887.3299999</v>
      </c>
    </row>
    <row r="15" spans="1:9" x14ac:dyDescent="0.25">
      <c r="A15" s="2" t="s">
        <v>23</v>
      </c>
      <c r="B15" s="4" t="s">
        <v>628</v>
      </c>
      <c r="C15" s="7">
        <v>278084900</v>
      </c>
      <c r="D15" s="7">
        <v>263896070.66</v>
      </c>
    </row>
    <row r="16" spans="1:9" x14ac:dyDescent="0.25">
      <c r="A16" s="2" t="s">
        <v>25</v>
      </c>
      <c r="B16" s="4" t="s">
        <v>629</v>
      </c>
      <c r="C16" s="7">
        <v>113849600</v>
      </c>
      <c r="D16" s="7">
        <v>106425876.16</v>
      </c>
    </row>
    <row r="17" spans="1:4" x14ac:dyDescent="0.25">
      <c r="A17" s="2" t="s">
        <v>27</v>
      </c>
      <c r="B17" s="4" t="s">
        <v>630</v>
      </c>
      <c r="C17" s="7">
        <v>949714500</v>
      </c>
      <c r="D17" s="7">
        <v>704348535.10000002</v>
      </c>
    </row>
    <row r="18" spans="1:4" x14ac:dyDescent="0.25">
      <c r="A18" s="2" t="s">
        <v>29</v>
      </c>
      <c r="B18" s="4" t="s">
        <v>631</v>
      </c>
      <c r="C18" s="7">
        <v>267173100</v>
      </c>
      <c r="D18" s="7">
        <v>210996713.55000001</v>
      </c>
    </row>
    <row r="19" spans="1:4" x14ac:dyDescent="0.25">
      <c r="A19" s="2" t="s">
        <v>31</v>
      </c>
      <c r="B19" s="4" t="s">
        <v>632</v>
      </c>
      <c r="C19" s="7">
        <v>786529000</v>
      </c>
      <c r="D19" s="7">
        <v>511000220.32999998</v>
      </c>
    </row>
    <row r="20" spans="1:4" x14ac:dyDescent="0.25">
      <c r="A20" s="3" t="s">
        <v>33</v>
      </c>
      <c r="B20" s="5" t="s">
        <v>544</v>
      </c>
      <c r="C20" s="6">
        <v>111407500</v>
      </c>
      <c r="D20" s="6">
        <v>89641264.409999996</v>
      </c>
    </row>
    <row r="21" spans="1:4" x14ac:dyDescent="0.25">
      <c r="A21" s="2" t="s">
        <v>35</v>
      </c>
      <c r="B21" s="4" t="s">
        <v>633</v>
      </c>
      <c r="C21" s="7">
        <v>61684300</v>
      </c>
      <c r="D21" s="7">
        <v>49914890.740000002</v>
      </c>
    </row>
    <row r="22" spans="1:4" x14ac:dyDescent="0.25">
      <c r="A22" s="2" t="s">
        <v>37</v>
      </c>
      <c r="B22" s="4" t="s">
        <v>547</v>
      </c>
      <c r="C22" s="7">
        <v>49723200</v>
      </c>
      <c r="D22" s="7">
        <v>39726373.670000002</v>
      </c>
    </row>
    <row r="23" spans="1:4" x14ac:dyDescent="0.25">
      <c r="A23" s="3" t="s">
        <v>39</v>
      </c>
      <c r="B23" s="5" t="s">
        <v>634</v>
      </c>
      <c r="C23" s="6">
        <v>3459683100</v>
      </c>
      <c r="D23" s="6">
        <v>3218681710.1199999</v>
      </c>
    </row>
    <row r="24" spans="1:4" x14ac:dyDescent="0.25">
      <c r="A24" s="2" t="s">
        <v>41</v>
      </c>
      <c r="B24" s="4" t="s">
        <v>635</v>
      </c>
      <c r="C24" s="7">
        <v>975046400</v>
      </c>
      <c r="D24" s="7">
        <v>859038054.77999997</v>
      </c>
    </row>
    <row r="25" spans="1:4" x14ac:dyDescent="0.25">
      <c r="A25" s="2" t="s">
        <v>43</v>
      </c>
      <c r="B25" s="4" t="s">
        <v>636</v>
      </c>
      <c r="C25" s="7">
        <v>14573600</v>
      </c>
      <c r="D25" s="7">
        <v>0</v>
      </c>
    </row>
    <row r="26" spans="1:4" x14ac:dyDescent="0.25">
      <c r="A26" s="2" t="s">
        <v>45</v>
      </c>
      <c r="B26" s="4" t="s">
        <v>637</v>
      </c>
      <c r="C26" s="7">
        <v>58149400</v>
      </c>
      <c r="D26" s="7">
        <v>51794445.060000002</v>
      </c>
    </row>
    <row r="27" spans="1:4" x14ac:dyDescent="0.25">
      <c r="A27" s="2" t="s">
        <v>47</v>
      </c>
      <c r="B27" s="4" t="s">
        <v>638</v>
      </c>
      <c r="C27" s="7">
        <v>1153811400</v>
      </c>
      <c r="D27" s="7">
        <v>913247074.58000004</v>
      </c>
    </row>
    <row r="28" spans="1:4" x14ac:dyDescent="0.25">
      <c r="A28" s="2" t="s">
        <v>49</v>
      </c>
      <c r="B28" s="4" t="s">
        <v>639</v>
      </c>
      <c r="C28" s="7">
        <v>1258102300</v>
      </c>
      <c r="D28" s="7">
        <v>1394602135.7</v>
      </c>
    </row>
    <row r="29" spans="1:4" x14ac:dyDescent="0.25">
      <c r="A29" s="3" t="s">
        <v>51</v>
      </c>
      <c r="B29" s="5" t="s">
        <v>640</v>
      </c>
      <c r="C29" s="6">
        <v>993081435</v>
      </c>
      <c r="D29" s="6">
        <v>792098442.70000005</v>
      </c>
    </row>
    <row r="30" spans="1:4" x14ac:dyDescent="0.25">
      <c r="A30" s="2" t="s">
        <v>53</v>
      </c>
      <c r="B30" s="4" t="s">
        <v>641</v>
      </c>
      <c r="C30" s="7">
        <v>68700</v>
      </c>
      <c r="D30" s="7">
        <v>1458169.25</v>
      </c>
    </row>
    <row r="31" spans="1:4" x14ac:dyDescent="0.25">
      <c r="A31" s="2" t="s">
        <v>55</v>
      </c>
      <c r="B31" s="4" t="s">
        <v>642</v>
      </c>
      <c r="C31" s="7">
        <v>993012735</v>
      </c>
      <c r="D31" s="7">
        <v>790640273.45000005</v>
      </c>
    </row>
    <row r="32" spans="1:4" x14ac:dyDescent="0.25">
      <c r="A32" s="2" t="s">
        <v>57</v>
      </c>
      <c r="B32" s="4" t="s">
        <v>643</v>
      </c>
      <c r="C32" s="7">
        <v>12255170035</v>
      </c>
      <c r="D32" s="7">
        <v>10254513660.370001</v>
      </c>
    </row>
    <row r="33" spans="1:4" x14ac:dyDescent="0.25">
      <c r="A33" s="3" t="s">
        <v>59</v>
      </c>
      <c r="B33" s="5" t="s">
        <v>644</v>
      </c>
      <c r="C33" s="6">
        <v>1712796663</v>
      </c>
      <c r="D33" s="6">
        <v>80819254</v>
      </c>
    </row>
    <row r="34" spans="1:4" x14ac:dyDescent="0.25">
      <c r="A34" s="2" t="s">
        <v>61</v>
      </c>
      <c r="B34" s="4" t="s">
        <v>645</v>
      </c>
      <c r="C34" s="7">
        <v>55793379</v>
      </c>
      <c r="D34" s="7">
        <v>11562423.890000001</v>
      </c>
    </row>
    <row r="35" spans="1:4" x14ac:dyDescent="0.25">
      <c r="A35" s="2" t="s">
        <v>63</v>
      </c>
      <c r="B35" s="4" t="s">
        <v>646</v>
      </c>
      <c r="C35" s="7">
        <v>5209900</v>
      </c>
      <c r="D35" s="7">
        <v>7407935.9199999999</v>
      </c>
    </row>
    <row r="36" spans="1:4" x14ac:dyDescent="0.25">
      <c r="A36" s="3" t="s">
        <v>65</v>
      </c>
      <c r="B36" s="5" t="s">
        <v>647</v>
      </c>
      <c r="C36" s="6">
        <v>6249900</v>
      </c>
      <c r="D36" s="6">
        <v>1434365.44</v>
      </c>
    </row>
    <row r="37" spans="1:4" x14ac:dyDescent="0.25">
      <c r="A37" s="2" t="s">
        <v>67</v>
      </c>
      <c r="B37" s="4" t="s">
        <v>648</v>
      </c>
      <c r="C37" s="7">
        <v>0</v>
      </c>
      <c r="D37" s="7">
        <v>0</v>
      </c>
    </row>
    <row r="38" spans="1:4" x14ac:dyDescent="0.25">
      <c r="A38" s="2" t="s">
        <v>69</v>
      </c>
      <c r="B38" s="4" t="s">
        <v>649</v>
      </c>
      <c r="C38" s="7">
        <v>0</v>
      </c>
      <c r="D38" s="7">
        <v>0</v>
      </c>
    </row>
    <row r="39" spans="1:4" x14ac:dyDescent="0.25">
      <c r="A39" s="2" t="s">
        <v>71</v>
      </c>
      <c r="B39" s="4" t="s">
        <v>650</v>
      </c>
      <c r="C39" s="7">
        <v>6249900</v>
      </c>
      <c r="D39" s="7">
        <v>1434365.44</v>
      </c>
    </row>
    <row r="40" spans="1:4" x14ac:dyDescent="0.25">
      <c r="A40" s="3" t="s">
        <v>73</v>
      </c>
      <c r="B40" s="5" t="s">
        <v>651</v>
      </c>
      <c r="C40" s="6">
        <v>1025325984</v>
      </c>
      <c r="D40" s="6">
        <v>60414528.75</v>
      </c>
    </row>
    <row r="41" spans="1:4" x14ac:dyDescent="0.25">
      <c r="A41" s="2" t="s">
        <v>75</v>
      </c>
      <c r="B41" s="4" t="s">
        <v>652</v>
      </c>
      <c r="C41" s="7">
        <v>360256784</v>
      </c>
      <c r="D41" s="7">
        <v>54565525.890000001</v>
      </c>
    </row>
    <row r="42" spans="1:4" x14ac:dyDescent="0.25">
      <c r="A42" s="2" t="s">
        <v>77</v>
      </c>
      <c r="B42" s="4" t="s">
        <v>653</v>
      </c>
      <c r="C42" s="7">
        <v>665069200</v>
      </c>
      <c r="D42" s="7">
        <v>5849002.8600000003</v>
      </c>
    </row>
    <row r="43" spans="1:4" x14ac:dyDescent="0.25">
      <c r="A43" s="3" t="s">
        <v>79</v>
      </c>
      <c r="B43" s="5" t="s">
        <v>556</v>
      </c>
      <c r="C43" s="6">
        <v>620217500</v>
      </c>
      <c r="D43" s="6">
        <v>0</v>
      </c>
    </row>
    <row r="44" spans="1:4" x14ac:dyDescent="0.25">
      <c r="A44" s="2" t="s">
        <v>81</v>
      </c>
      <c r="B44" s="4" t="s">
        <v>654</v>
      </c>
      <c r="C44" s="7">
        <v>0</v>
      </c>
      <c r="D44" s="7">
        <v>0</v>
      </c>
    </row>
    <row r="45" spans="1:4" x14ac:dyDescent="0.25">
      <c r="A45" s="2" t="s">
        <v>83</v>
      </c>
      <c r="B45" s="4" t="s">
        <v>655</v>
      </c>
      <c r="C45" s="7">
        <v>620217500</v>
      </c>
      <c r="D45" s="7">
        <v>0</v>
      </c>
    </row>
    <row r="46" spans="1:4" x14ac:dyDescent="0.25">
      <c r="A46" s="2" t="s">
        <v>85</v>
      </c>
      <c r="B46" s="4" t="s">
        <v>656</v>
      </c>
      <c r="C46" s="7">
        <v>1651793384</v>
      </c>
      <c r="D46" s="7">
        <v>61848894.189999998</v>
      </c>
    </row>
    <row r="47" spans="1:4" x14ac:dyDescent="0.25">
      <c r="A47" s="3" t="s">
        <v>87</v>
      </c>
      <c r="B47" s="5" t="s">
        <v>657</v>
      </c>
      <c r="C47" s="6">
        <v>13906963419</v>
      </c>
      <c r="D47" s="6">
        <v>10316362554.559999</v>
      </c>
    </row>
    <row r="49" spans="1:9" x14ac:dyDescent="0.25">
      <c r="A49" s="8" t="s">
        <v>6</v>
      </c>
      <c r="B49" s="8" t="s">
        <v>658</v>
      </c>
      <c r="C49" s="8" t="s">
        <v>559</v>
      </c>
      <c r="D49" s="8" t="s">
        <v>535</v>
      </c>
      <c r="E49" s="8" t="s">
        <v>7</v>
      </c>
      <c r="F49" s="8" t="s">
        <v>7</v>
      </c>
      <c r="G49" s="8" t="s">
        <v>7</v>
      </c>
      <c r="H49" s="8" t="s">
        <v>661</v>
      </c>
      <c r="I49" s="8" t="s">
        <v>661</v>
      </c>
    </row>
    <row r="50" spans="1:9" ht="21" x14ac:dyDescent="0.25">
      <c r="A50" s="8" t="s">
        <v>7</v>
      </c>
      <c r="B50" s="8" t="s">
        <v>7</v>
      </c>
      <c r="C50" s="8" t="s">
        <v>7</v>
      </c>
      <c r="D50" s="1" t="s">
        <v>168</v>
      </c>
      <c r="E50" s="1" t="s">
        <v>172</v>
      </c>
      <c r="F50" s="1" t="s">
        <v>659</v>
      </c>
      <c r="G50" s="1" t="s">
        <v>660</v>
      </c>
      <c r="H50" s="1" t="s">
        <v>662</v>
      </c>
      <c r="I50" s="1" t="s">
        <v>663</v>
      </c>
    </row>
    <row r="51" spans="1:9" x14ac:dyDescent="0.25">
      <c r="A51" s="3" t="s">
        <v>89</v>
      </c>
      <c r="B51" s="5" t="s">
        <v>664</v>
      </c>
      <c r="C51" s="6">
        <v>12527108550.73</v>
      </c>
      <c r="D51" s="6">
        <v>9822055946.0499992</v>
      </c>
      <c r="E51" s="6">
        <v>9291738261.8299999</v>
      </c>
      <c r="F51" s="6">
        <v>8778473068.5100002</v>
      </c>
      <c r="G51" s="6">
        <v>185414618.81999999</v>
      </c>
      <c r="H51" s="6">
        <v>252559054.61000001</v>
      </c>
      <c r="I51" s="6">
        <v>241810929.69999999</v>
      </c>
    </row>
    <row r="52" spans="1:9" x14ac:dyDescent="0.25">
      <c r="A52" s="2" t="s">
        <v>91</v>
      </c>
      <c r="B52" s="4" t="s">
        <v>665</v>
      </c>
      <c r="C52" s="7">
        <v>8204779367.6700001</v>
      </c>
      <c r="D52" s="7">
        <v>7019973866.8500004</v>
      </c>
      <c r="E52" s="7">
        <v>6784460790.46</v>
      </c>
      <c r="F52" s="7">
        <v>6415164276.29</v>
      </c>
      <c r="G52" s="7">
        <v>101663922.95</v>
      </c>
      <c r="H52" s="7">
        <v>81257825.530000001</v>
      </c>
      <c r="I52" s="7">
        <v>81225211.489999995</v>
      </c>
    </row>
    <row r="53" spans="1:9" x14ac:dyDescent="0.25">
      <c r="A53" s="2" t="s">
        <v>93</v>
      </c>
      <c r="B53" s="4" t="s">
        <v>666</v>
      </c>
      <c r="C53" s="7">
        <v>585516889</v>
      </c>
      <c r="D53" s="7">
        <v>301031478.19999999</v>
      </c>
      <c r="E53" s="7">
        <v>300623013.56999999</v>
      </c>
      <c r="F53" s="7">
        <v>300623013.56999999</v>
      </c>
      <c r="G53" s="7">
        <v>0</v>
      </c>
      <c r="H53" s="7">
        <v>0</v>
      </c>
      <c r="I53" s="7">
        <v>0</v>
      </c>
    </row>
    <row r="54" spans="1:9" x14ac:dyDescent="0.25">
      <c r="A54" s="3" t="s">
        <v>95</v>
      </c>
      <c r="B54" s="5" t="s">
        <v>667</v>
      </c>
      <c r="C54" s="6">
        <v>3736812294.0599999</v>
      </c>
      <c r="D54" s="6">
        <v>2501050601</v>
      </c>
      <c r="E54" s="6">
        <v>2206654457.8000002</v>
      </c>
      <c r="F54" s="6">
        <v>2062685778.6500001</v>
      </c>
      <c r="G54" s="6">
        <v>83750695.870000005</v>
      </c>
      <c r="H54" s="6">
        <v>171301229.08000001</v>
      </c>
      <c r="I54" s="6">
        <v>160585718.21000001</v>
      </c>
    </row>
    <row r="55" spans="1:9" x14ac:dyDescent="0.25">
      <c r="A55" s="2" t="s">
        <v>97</v>
      </c>
      <c r="B55" s="4" t="s">
        <v>526</v>
      </c>
      <c r="C55" s="7">
        <v>168000000</v>
      </c>
      <c r="D55" s="7">
        <v>154000000</v>
      </c>
      <c r="E55" s="7">
        <v>154000000</v>
      </c>
      <c r="F55" s="7">
        <v>140000000</v>
      </c>
      <c r="G55" s="7">
        <v>0</v>
      </c>
      <c r="H55" s="7">
        <v>0</v>
      </c>
      <c r="I55" s="7">
        <v>0</v>
      </c>
    </row>
    <row r="56" spans="1:9" x14ac:dyDescent="0.25">
      <c r="A56" s="2" t="s">
        <v>99</v>
      </c>
      <c r="B56" s="4" t="s">
        <v>668</v>
      </c>
      <c r="C56" s="7">
        <v>3568812294.0599999</v>
      </c>
      <c r="D56" s="7">
        <v>2347050601</v>
      </c>
      <c r="E56" s="7">
        <v>2052654457.8</v>
      </c>
      <c r="F56" s="7">
        <v>1922685778.6500001</v>
      </c>
      <c r="G56" s="7">
        <v>83750695.870000005</v>
      </c>
      <c r="H56" s="7">
        <v>171301229.08000001</v>
      </c>
      <c r="I56" s="7">
        <v>160585718.21000001</v>
      </c>
    </row>
    <row r="57" spans="1:9" x14ac:dyDescent="0.25">
      <c r="A57" s="2" t="s">
        <v>101</v>
      </c>
      <c r="B57" s="4" t="s">
        <v>669</v>
      </c>
      <c r="C57" s="7">
        <v>11941591661.73</v>
      </c>
      <c r="D57" s="7">
        <v>9521024467.8500004</v>
      </c>
      <c r="E57" s="7">
        <v>8991115248.2600002</v>
      </c>
      <c r="F57" s="7">
        <v>8477850054.9399996</v>
      </c>
      <c r="G57" s="7">
        <v>185414618.81999999</v>
      </c>
      <c r="H57" s="7">
        <v>252559054.61000001</v>
      </c>
      <c r="I57" s="7">
        <v>241810929.69999999</v>
      </c>
    </row>
    <row r="58" spans="1:9" x14ac:dyDescent="0.25">
      <c r="A58" s="3" t="s">
        <v>103</v>
      </c>
      <c r="B58" s="5" t="s">
        <v>670</v>
      </c>
      <c r="C58" s="6">
        <v>1921317584</v>
      </c>
      <c r="D58" s="6">
        <v>1235738059.3099999</v>
      </c>
      <c r="E58" s="6">
        <v>903314985.75</v>
      </c>
      <c r="F58" s="6">
        <v>883604771.38999999</v>
      </c>
      <c r="G58" s="6">
        <v>15004304.800000001</v>
      </c>
      <c r="H58" s="6">
        <v>86870843.239999995</v>
      </c>
      <c r="I58" s="6">
        <v>83815631.480000004</v>
      </c>
    </row>
    <row r="59" spans="1:9" x14ac:dyDescent="0.25">
      <c r="A59" s="2" t="s">
        <v>105</v>
      </c>
      <c r="B59" s="4" t="s">
        <v>671</v>
      </c>
      <c r="C59" s="7">
        <v>1583069980</v>
      </c>
      <c r="D59" s="7">
        <v>1039511523.34</v>
      </c>
      <c r="E59" s="7">
        <v>714055905.92999995</v>
      </c>
      <c r="F59" s="7">
        <v>694345691.57000005</v>
      </c>
      <c r="G59" s="7">
        <v>15003825.220000001</v>
      </c>
      <c r="H59" s="7">
        <v>86870843.239999995</v>
      </c>
      <c r="I59" s="7">
        <v>83815631.480000004</v>
      </c>
    </row>
    <row r="60" spans="1:9" x14ac:dyDescent="0.25">
      <c r="A60" s="3" t="s">
        <v>107</v>
      </c>
      <c r="B60" s="5" t="s">
        <v>672</v>
      </c>
      <c r="C60" s="6">
        <v>9029349</v>
      </c>
      <c r="D60" s="6">
        <v>6785330.2300000004</v>
      </c>
      <c r="E60" s="6">
        <v>0</v>
      </c>
      <c r="F60" s="6">
        <v>0</v>
      </c>
      <c r="G60" s="6">
        <v>0</v>
      </c>
      <c r="H60" s="6">
        <v>0</v>
      </c>
      <c r="I60" s="6">
        <v>0</v>
      </c>
    </row>
    <row r="61" spans="1:9" x14ac:dyDescent="0.25">
      <c r="A61" s="2" t="s">
        <v>109</v>
      </c>
      <c r="B61" s="4" t="s">
        <v>673</v>
      </c>
      <c r="C61" s="7">
        <v>0</v>
      </c>
      <c r="D61" s="7">
        <v>0</v>
      </c>
      <c r="E61" s="7">
        <v>0</v>
      </c>
      <c r="F61" s="7">
        <v>0</v>
      </c>
      <c r="G61" s="7">
        <v>0</v>
      </c>
      <c r="H61" s="7">
        <v>0</v>
      </c>
      <c r="I61" s="7">
        <v>0</v>
      </c>
    </row>
    <row r="62" spans="1:9" x14ac:dyDescent="0.25">
      <c r="A62" s="2" t="s">
        <v>111</v>
      </c>
      <c r="B62" s="4" t="s">
        <v>674</v>
      </c>
      <c r="C62" s="7">
        <v>0</v>
      </c>
      <c r="D62" s="7">
        <v>0</v>
      </c>
      <c r="E62" s="7">
        <v>0</v>
      </c>
      <c r="F62" s="7">
        <v>0</v>
      </c>
      <c r="G62" s="7">
        <v>0</v>
      </c>
      <c r="H62" s="7">
        <v>0</v>
      </c>
      <c r="I62" s="7">
        <v>0</v>
      </c>
    </row>
    <row r="63" spans="1:9" x14ac:dyDescent="0.25">
      <c r="A63" s="2" t="s">
        <v>113</v>
      </c>
      <c r="B63" s="4" t="s">
        <v>675</v>
      </c>
      <c r="C63" s="7">
        <v>0</v>
      </c>
      <c r="D63" s="7">
        <v>0</v>
      </c>
      <c r="E63" s="7">
        <v>0</v>
      </c>
      <c r="F63" s="7">
        <v>0</v>
      </c>
      <c r="G63" s="7">
        <v>0</v>
      </c>
      <c r="H63" s="7">
        <v>0</v>
      </c>
      <c r="I63" s="7">
        <v>0</v>
      </c>
    </row>
    <row r="64" spans="1:9" x14ac:dyDescent="0.25">
      <c r="A64" s="2" t="s">
        <v>115</v>
      </c>
      <c r="B64" s="4" t="s">
        <v>676</v>
      </c>
      <c r="C64" s="7">
        <v>9029349</v>
      </c>
      <c r="D64" s="7">
        <v>6785330.2300000004</v>
      </c>
      <c r="E64" s="7">
        <v>0</v>
      </c>
      <c r="F64" s="7">
        <v>0</v>
      </c>
      <c r="G64" s="7">
        <v>0</v>
      </c>
      <c r="H64" s="7">
        <v>0</v>
      </c>
      <c r="I64" s="7">
        <v>0</v>
      </c>
    </row>
    <row r="65" spans="1:9" x14ac:dyDescent="0.25">
      <c r="A65" s="2" t="s">
        <v>117</v>
      </c>
      <c r="B65" s="4" t="s">
        <v>677</v>
      </c>
      <c r="C65" s="7">
        <v>329218255</v>
      </c>
      <c r="D65" s="7">
        <v>189441205.74000001</v>
      </c>
      <c r="E65" s="7">
        <v>189259079.81999999</v>
      </c>
      <c r="F65" s="7">
        <v>189259079.81999999</v>
      </c>
      <c r="G65" s="7">
        <v>479.58</v>
      </c>
      <c r="H65" s="7">
        <v>0</v>
      </c>
      <c r="I65" s="7">
        <v>0</v>
      </c>
    </row>
    <row r="66" spans="1:9" x14ac:dyDescent="0.25">
      <c r="A66" s="2" t="s">
        <v>119</v>
      </c>
      <c r="B66" s="4" t="s">
        <v>678</v>
      </c>
      <c r="C66" s="7">
        <v>1592099329</v>
      </c>
      <c r="D66" s="7">
        <v>1046296853.5700001</v>
      </c>
      <c r="E66" s="7">
        <v>714055905.92999995</v>
      </c>
      <c r="F66" s="7">
        <v>694345691.57000005</v>
      </c>
      <c r="G66" s="7">
        <v>15003825.220000001</v>
      </c>
      <c r="H66" s="7">
        <v>86870843.239999995</v>
      </c>
      <c r="I66" s="7">
        <v>83815631.480000004</v>
      </c>
    </row>
    <row r="67" spans="1:9" x14ac:dyDescent="0.25">
      <c r="A67" s="2" t="s">
        <v>120</v>
      </c>
      <c r="B67" s="4" t="s">
        <v>679</v>
      </c>
      <c r="C67" s="7">
        <v>0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  <c r="I67" s="7">
        <v>0</v>
      </c>
    </row>
    <row r="68" spans="1:9" x14ac:dyDescent="0.25">
      <c r="A68" s="3" t="s">
        <v>121</v>
      </c>
      <c r="B68" s="5" t="s">
        <v>680</v>
      </c>
      <c r="C68" s="6">
        <v>13533690990.73</v>
      </c>
      <c r="D68" s="6">
        <v>10567321321.42</v>
      </c>
      <c r="E68" s="6">
        <v>9705171154.1900005</v>
      </c>
      <c r="F68" s="6">
        <v>9172195746.5100002</v>
      </c>
      <c r="G68" s="6">
        <v>200418444.03999999</v>
      </c>
      <c r="H68" s="6">
        <v>339429897.85000002</v>
      </c>
      <c r="I68" s="6">
        <v>325626561.18000001</v>
      </c>
    </row>
    <row r="70" spans="1:9" x14ac:dyDescent="0.25">
      <c r="A70" s="8" t="s">
        <v>6</v>
      </c>
      <c r="B70" s="8" t="s">
        <v>681</v>
      </c>
      <c r="C70" s="8" t="s">
        <v>682</v>
      </c>
    </row>
    <row r="71" spans="1:9" x14ac:dyDescent="0.25">
      <c r="A71" s="8" t="s">
        <v>7</v>
      </c>
      <c r="B71" s="8" t="s">
        <v>7</v>
      </c>
      <c r="C71" s="8" t="s">
        <v>7</v>
      </c>
    </row>
    <row r="72" spans="1:9" x14ac:dyDescent="0.25">
      <c r="A72" s="2" t="s">
        <v>122</v>
      </c>
      <c r="B72" s="4" t="s">
        <v>683</v>
      </c>
      <c r="C72" s="7">
        <v>618121802.83000004</v>
      </c>
    </row>
    <row r="74" spans="1:9" x14ac:dyDescent="0.25">
      <c r="A74" s="8" t="s">
        <v>6</v>
      </c>
      <c r="B74" s="8" t="s">
        <v>684</v>
      </c>
      <c r="C74" s="8" t="s">
        <v>685</v>
      </c>
    </row>
    <row r="75" spans="1:9" x14ac:dyDescent="0.25">
      <c r="A75" s="8" t="s">
        <v>7</v>
      </c>
      <c r="B75" s="8" t="s">
        <v>7</v>
      </c>
      <c r="C75" s="8" t="s">
        <v>7</v>
      </c>
    </row>
    <row r="76" spans="1:9" x14ac:dyDescent="0.25">
      <c r="A76" s="2" t="s">
        <v>123</v>
      </c>
      <c r="B76" s="4" t="s">
        <v>686</v>
      </c>
      <c r="C76" s="7">
        <v>484894706.06</v>
      </c>
    </row>
    <row r="78" spans="1:9" x14ac:dyDescent="0.25">
      <c r="A78" s="8" t="s">
        <v>6</v>
      </c>
      <c r="B78" s="8" t="s">
        <v>687</v>
      </c>
      <c r="C78" s="1" t="s">
        <v>535</v>
      </c>
    </row>
    <row r="79" spans="1:9" x14ac:dyDescent="0.25">
      <c r="A79" s="8" t="s">
        <v>7</v>
      </c>
      <c r="B79" s="8" t="s">
        <v>7</v>
      </c>
      <c r="C79" s="1" t="s">
        <v>688</v>
      </c>
    </row>
    <row r="80" spans="1:9" x14ac:dyDescent="0.25">
      <c r="A80" s="2" t="s">
        <v>124</v>
      </c>
      <c r="B80" s="4" t="s">
        <v>689</v>
      </c>
      <c r="C80" s="7">
        <v>147750675.43000001</v>
      </c>
    </row>
    <row r="81" spans="1:4" x14ac:dyDescent="0.25">
      <c r="A81" s="2" t="s">
        <v>125</v>
      </c>
      <c r="B81" s="4" t="s">
        <v>690</v>
      </c>
      <c r="C81" s="7">
        <v>456830546.68000001</v>
      </c>
    </row>
    <row r="83" spans="1:4" x14ac:dyDescent="0.25">
      <c r="A83" s="8" t="s">
        <v>6</v>
      </c>
      <c r="B83" s="8" t="s">
        <v>691</v>
      </c>
      <c r="C83" s="8" t="s">
        <v>688</v>
      </c>
    </row>
    <row r="84" spans="1:4" x14ac:dyDescent="0.25">
      <c r="A84" s="8" t="s">
        <v>7</v>
      </c>
      <c r="B84" s="8" t="s">
        <v>7</v>
      </c>
      <c r="C84" s="8" t="s">
        <v>7</v>
      </c>
    </row>
    <row r="85" spans="1:4" x14ac:dyDescent="0.25">
      <c r="A85" s="2" t="s">
        <v>126</v>
      </c>
      <c r="B85" s="4" t="s">
        <v>692</v>
      </c>
      <c r="C85" s="7">
        <v>309041931.57999998</v>
      </c>
    </row>
    <row r="87" spans="1:4" x14ac:dyDescent="0.25">
      <c r="A87" s="8" t="s">
        <v>6</v>
      </c>
      <c r="B87" s="8" t="s">
        <v>693</v>
      </c>
      <c r="C87" s="8" t="s">
        <v>685</v>
      </c>
    </row>
    <row r="88" spans="1:4" x14ac:dyDescent="0.25">
      <c r="A88" s="8" t="s">
        <v>7</v>
      </c>
      <c r="B88" s="8" t="s">
        <v>7</v>
      </c>
      <c r="C88" s="8" t="s">
        <v>7</v>
      </c>
    </row>
    <row r="89" spans="1:4" x14ac:dyDescent="0.25">
      <c r="A89" s="2" t="s">
        <v>127</v>
      </c>
      <c r="B89" s="4" t="s">
        <v>686</v>
      </c>
      <c r="C89" s="7">
        <v>226599889.78999999</v>
      </c>
    </row>
    <row r="91" spans="1:4" x14ac:dyDescent="0.25">
      <c r="A91" s="8" t="s">
        <v>6</v>
      </c>
      <c r="B91" s="8" t="s">
        <v>694</v>
      </c>
      <c r="C91" s="8" t="s">
        <v>695</v>
      </c>
      <c r="D91" s="8" t="s">
        <v>695</v>
      </c>
    </row>
    <row r="92" spans="1:4" x14ac:dyDescent="0.25">
      <c r="A92" s="8" t="s">
        <v>7</v>
      </c>
      <c r="B92" s="8" t="s">
        <v>7</v>
      </c>
      <c r="C92" s="1" t="s">
        <v>696</v>
      </c>
      <c r="D92" s="1" t="s">
        <v>371</v>
      </c>
    </row>
    <row r="93" spans="1:4" x14ac:dyDescent="0.25">
      <c r="A93" s="2" t="s">
        <v>129</v>
      </c>
      <c r="B93" s="4" t="s">
        <v>697</v>
      </c>
      <c r="C93" s="7">
        <v>9141710365.2700005</v>
      </c>
      <c r="D93" s="7">
        <v>9030209607.6000004</v>
      </c>
    </row>
    <row r="94" spans="1:4" x14ac:dyDescent="0.25">
      <c r="A94" s="3" t="s">
        <v>131</v>
      </c>
      <c r="B94" s="5" t="s">
        <v>698</v>
      </c>
      <c r="C94" s="6">
        <v>1369349518.21</v>
      </c>
      <c r="D94" s="6">
        <v>1947559604.3299999</v>
      </c>
    </row>
    <row r="95" spans="1:4" x14ac:dyDescent="0.25">
      <c r="A95" s="3" t="s">
        <v>133</v>
      </c>
      <c r="B95" s="5" t="s">
        <v>699</v>
      </c>
      <c r="C95" s="6">
        <v>1125535341.3199999</v>
      </c>
      <c r="D95" s="6">
        <v>1660356364.76</v>
      </c>
    </row>
    <row r="96" spans="1:4" x14ac:dyDescent="0.25">
      <c r="A96" s="2" t="s">
        <v>135</v>
      </c>
      <c r="B96" s="4" t="s">
        <v>700</v>
      </c>
      <c r="C96" s="7">
        <v>1499137882.29</v>
      </c>
      <c r="D96" s="7">
        <v>1760206312.29</v>
      </c>
    </row>
    <row r="97" spans="1:4" x14ac:dyDescent="0.25">
      <c r="A97" s="2" t="s">
        <v>137</v>
      </c>
      <c r="B97" s="4" t="s">
        <v>701</v>
      </c>
      <c r="C97" s="7">
        <v>373602540.97000003</v>
      </c>
      <c r="D97" s="7">
        <v>99849947.530000001</v>
      </c>
    </row>
    <row r="98" spans="1:4" x14ac:dyDescent="0.25">
      <c r="A98" s="2" t="s">
        <v>139</v>
      </c>
      <c r="B98" s="4" t="s">
        <v>702</v>
      </c>
      <c r="C98" s="7">
        <v>243814176.88999999</v>
      </c>
      <c r="D98" s="7">
        <v>287203239.56999999</v>
      </c>
    </row>
    <row r="99" spans="1:4" x14ac:dyDescent="0.25">
      <c r="A99" s="3" t="s">
        <v>141</v>
      </c>
      <c r="B99" s="5" t="s">
        <v>703</v>
      </c>
      <c r="C99" s="6">
        <v>7772360847.0600004</v>
      </c>
      <c r="D99" s="6">
        <v>7082650003.2700005</v>
      </c>
    </row>
    <row r="101" spans="1:4" x14ac:dyDescent="0.25">
      <c r="A101" s="8" t="s">
        <v>6</v>
      </c>
      <c r="B101" s="8" t="s">
        <v>704</v>
      </c>
      <c r="C101" s="8" t="s">
        <v>705</v>
      </c>
    </row>
    <row r="102" spans="1:4" x14ac:dyDescent="0.25">
      <c r="A102" s="8" t="s">
        <v>7</v>
      </c>
      <c r="B102" s="8" t="s">
        <v>7</v>
      </c>
      <c r="C102" s="8" t="s">
        <v>7</v>
      </c>
    </row>
    <row r="103" spans="1:4" x14ac:dyDescent="0.25">
      <c r="A103" s="2" t="s">
        <v>143</v>
      </c>
      <c r="B103" s="4" t="s">
        <v>706</v>
      </c>
      <c r="C103" s="7">
        <v>689710843.78999996</v>
      </c>
    </row>
    <row r="105" spans="1:4" x14ac:dyDescent="0.25">
      <c r="A105" s="8" t="s">
        <v>6</v>
      </c>
      <c r="B105" s="8" t="s">
        <v>707</v>
      </c>
      <c r="C105" s="8" t="s">
        <v>705</v>
      </c>
    </row>
    <row r="106" spans="1:4" x14ac:dyDescent="0.25">
      <c r="A106" s="8" t="s">
        <v>7</v>
      </c>
      <c r="B106" s="8" t="s">
        <v>7</v>
      </c>
      <c r="C106" s="8" t="s">
        <v>7</v>
      </c>
    </row>
    <row r="107" spans="1:4" x14ac:dyDescent="0.25">
      <c r="A107" s="2" t="s">
        <v>145</v>
      </c>
      <c r="B107" s="4" t="s">
        <v>708</v>
      </c>
      <c r="C107" s="7">
        <v>273752593.44</v>
      </c>
    </row>
    <row r="108" spans="1:4" x14ac:dyDescent="0.25">
      <c r="A108" s="2" t="s">
        <v>147</v>
      </c>
      <c r="B108" s="4" t="s">
        <v>709</v>
      </c>
      <c r="C108" s="7">
        <v>0</v>
      </c>
    </row>
    <row r="109" spans="1:4" x14ac:dyDescent="0.25">
      <c r="A109" s="2" t="s">
        <v>149</v>
      </c>
      <c r="B109" s="4" t="s">
        <v>710</v>
      </c>
      <c r="C109" s="7">
        <v>8993179.6500000004</v>
      </c>
    </row>
    <row r="110" spans="1:4" x14ac:dyDescent="0.25">
      <c r="A110" s="2" t="s">
        <v>151</v>
      </c>
      <c r="B110" s="4" t="s">
        <v>711</v>
      </c>
      <c r="C110" s="7">
        <v>0</v>
      </c>
    </row>
    <row r="111" spans="1:4" x14ac:dyDescent="0.25">
      <c r="A111" s="2" t="s">
        <v>152</v>
      </c>
      <c r="B111" s="4" t="s">
        <v>712</v>
      </c>
      <c r="C111" s="7">
        <v>156430615.44999999</v>
      </c>
    </row>
    <row r="112" spans="1:4" x14ac:dyDescent="0.25">
      <c r="A112" s="2" t="s">
        <v>153</v>
      </c>
      <c r="B112" s="4" t="s">
        <v>713</v>
      </c>
      <c r="C112" s="7">
        <v>0</v>
      </c>
    </row>
    <row r="113" spans="1:8" x14ac:dyDescent="0.25">
      <c r="A113" s="2" t="s">
        <v>155</v>
      </c>
      <c r="B113" s="4" t="s">
        <v>714</v>
      </c>
      <c r="C113" s="7">
        <v>268520814.55000001</v>
      </c>
    </row>
    <row r="115" spans="1:8" x14ac:dyDescent="0.25">
      <c r="A115" s="8" t="s">
        <v>6</v>
      </c>
      <c r="B115" s="8" t="s">
        <v>715</v>
      </c>
      <c r="C115" s="8" t="s">
        <v>577</v>
      </c>
    </row>
    <row r="116" spans="1:8" x14ac:dyDescent="0.25">
      <c r="A116" s="8" t="s">
        <v>7</v>
      </c>
      <c r="B116" s="8" t="s">
        <v>7</v>
      </c>
      <c r="C116" s="8" t="s">
        <v>7</v>
      </c>
    </row>
    <row r="117" spans="1:8" x14ac:dyDescent="0.25">
      <c r="A117" s="2" t="s">
        <v>157</v>
      </c>
      <c r="B117" s="4" t="s">
        <v>716</v>
      </c>
      <c r="C117" s="7">
        <v>577600685.79999995</v>
      </c>
    </row>
    <row r="119" spans="1:8" x14ac:dyDescent="0.25">
      <c r="A119" s="8" t="s">
        <v>6</v>
      </c>
      <c r="B119" s="8" t="s">
        <v>717</v>
      </c>
      <c r="C119" s="8" t="s">
        <v>577</v>
      </c>
    </row>
    <row r="120" spans="1:8" x14ac:dyDescent="0.25">
      <c r="A120" s="8" t="s">
        <v>7</v>
      </c>
      <c r="B120" s="8" t="s">
        <v>7</v>
      </c>
      <c r="C120" s="8" t="s">
        <v>7</v>
      </c>
    </row>
    <row r="121" spans="1:8" x14ac:dyDescent="0.25">
      <c r="A121" s="3" t="s">
        <v>159</v>
      </c>
      <c r="B121" s="5" t="s">
        <v>718</v>
      </c>
      <c r="C121" s="6">
        <v>101254620.52</v>
      </c>
    </row>
    <row r="122" spans="1:8" x14ac:dyDescent="0.25">
      <c r="A122" s="2" t="s">
        <v>161</v>
      </c>
      <c r="B122" s="4" t="s">
        <v>162</v>
      </c>
      <c r="C122" s="7">
        <v>0</v>
      </c>
    </row>
    <row r="123" spans="1:8" x14ac:dyDescent="0.25">
      <c r="A123" s="2" t="s">
        <v>163</v>
      </c>
      <c r="B123" s="4" t="s">
        <v>719</v>
      </c>
      <c r="C123" s="7">
        <v>101254620.52</v>
      </c>
    </row>
    <row r="124" spans="1:8" x14ac:dyDescent="0.25">
      <c r="A124" s="2" t="s">
        <v>176</v>
      </c>
      <c r="B124" s="4" t="s">
        <v>579</v>
      </c>
      <c r="C124" s="7">
        <v>0</v>
      </c>
    </row>
    <row r="126" spans="1:8" x14ac:dyDescent="0.25">
      <c r="A126" s="8" t="s">
        <v>6</v>
      </c>
      <c r="B126" s="8" t="s">
        <v>720</v>
      </c>
      <c r="C126" s="8" t="s">
        <v>168</v>
      </c>
      <c r="D126" s="8" t="s">
        <v>7</v>
      </c>
      <c r="E126" s="8" t="s">
        <v>172</v>
      </c>
      <c r="F126" s="8" t="s">
        <v>7</v>
      </c>
      <c r="G126" s="8" t="s">
        <v>723</v>
      </c>
      <c r="H126" s="8" t="s">
        <v>723</v>
      </c>
    </row>
    <row r="127" spans="1:8" ht="21" x14ac:dyDescent="0.25">
      <c r="A127" s="8" t="s">
        <v>7</v>
      </c>
      <c r="B127" s="8" t="s">
        <v>7</v>
      </c>
      <c r="C127" s="1" t="s">
        <v>721</v>
      </c>
      <c r="D127" s="1" t="s">
        <v>722</v>
      </c>
      <c r="E127" s="1" t="s">
        <v>721</v>
      </c>
      <c r="F127" s="1" t="s">
        <v>722</v>
      </c>
      <c r="G127" s="1" t="s">
        <v>721</v>
      </c>
      <c r="H127" s="1" t="s">
        <v>722</v>
      </c>
    </row>
    <row r="128" spans="1:8" x14ac:dyDescent="0.25">
      <c r="A128" s="3" t="s">
        <v>178</v>
      </c>
      <c r="B128" s="5" t="s">
        <v>724</v>
      </c>
      <c r="C128" s="6">
        <v>10957651295.059999</v>
      </c>
      <c r="D128" s="6">
        <v>11722907051.82</v>
      </c>
      <c r="E128" s="6">
        <v>10346253540.549999</v>
      </c>
      <c r="F128" s="6">
        <v>11153963926.1</v>
      </c>
      <c r="G128" s="6">
        <v>0</v>
      </c>
      <c r="H128" s="6">
        <v>0</v>
      </c>
    </row>
    <row r="129" spans="1:8" x14ac:dyDescent="0.25">
      <c r="A129" s="2" t="s">
        <v>180</v>
      </c>
      <c r="B129" s="4" t="s">
        <v>665</v>
      </c>
      <c r="C129" s="7">
        <v>7574206044.7600002</v>
      </c>
      <c r="D129" s="7">
        <v>8805643831.0200005</v>
      </c>
      <c r="E129" s="7">
        <v>7301631513.3800001</v>
      </c>
      <c r="F129" s="7">
        <v>8538822359.0299997</v>
      </c>
      <c r="G129" s="7">
        <v>0</v>
      </c>
      <c r="H129" s="7">
        <v>0</v>
      </c>
    </row>
    <row r="130" spans="1:8" x14ac:dyDescent="0.25">
      <c r="A130" s="2" t="s">
        <v>182</v>
      </c>
      <c r="B130" s="4" t="s">
        <v>725</v>
      </c>
      <c r="C130" s="7">
        <v>280772707.06</v>
      </c>
      <c r="D130" s="7">
        <v>301031478.19999999</v>
      </c>
      <c r="E130" s="7">
        <v>279560056.58999997</v>
      </c>
      <c r="F130" s="7">
        <v>300623013.56999999</v>
      </c>
      <c r="G130" s="7">
        <v>0</v>
      </c>
      <c r="H130" s="7">
        <v>0</v>
      </c>
    </row>
    <row r="131" spans="1:8" x14ac:dyDescent="0.25">
      <c r="A131" s="2" t="s">
        <v>184</v>
      </c>
      <c r="B131" s="4" t="s">
        <v>667</v>
      </c>
      <c r="C131" s="7">
        <v>3102672543.2399998</v>
      </c>
      <c r="D131" s="7">
        <v>2616231742.5999999</v>
      </c>
      <c r="E131" s="7">
        <v>2765061970.5799999</v>
      </c>
      <c r="F131" s="7">
        <v>2314518553.5</v>
      </c>
      <c r="G131" s="7">
        <v>0</v>
      </c>
      <c r="H131" s="7">
        <v>0</v>
      </c>
    </row>
    <row r="132" spans="1:8" x14ac:dyDescent="0.25">
      <c r="A132" s="2" t="s">
        <v>186</v>
      </c>
      <c r="B132" s="4" t="s">
        <v>726</v>
      </c>
      <c r="C132" s="7">
        <v>10676878588</v>
      </c>
      <c r="D132" s="7">
        <v>11421875573.620001</v>
      </c>
      <c r="E132" s="7">
        <v>10066693483.959999</v>
      </c>
      <c r="F132" s="7">
        <v>10853340912.530001</v>
      </c>
      <c r="G132" s="7">
        <v>0</v>
      </c>
      <c r="H132" s="7">
        <v>0</v>
      </c>
    </row>
    <row r="133" spans="1:8" x14ac:dyDescent="0.25">
      <c r="A133" s="2" t="s">
        <v>188</v>
      </c>
      <c r="B133" s="4" t="s">
        <v>727</v>
      </c>
      <c r="C133" s="7">
        <v>168000000</v>
      </c>
      <c r="D133" s="7">
        <v>154000000</v>
      </c>
      <c r="E133" s="7">
        <v>140000000</v>
      </c>
      <c r="F133" s="7">
        <v>154000000</v>
      </c>
      <c r="G133" s="7">
        <v>0</v>
      </c>
      <c r="H133" s="7">
        <v>0</v>
      </c>
    </row>
    <row r="134" spans="1:8" x14ac:dyDescent="0.25">
      <c r="A134" s="2" t="s">
        <v>190</v>
      </c>
      <c r="B134" s="4" t="s">
        <v>728</v>
      </c>
      <c r="C134" s="7">
        <v>78752032.329999998</v>
      </c>
      <c r="D134" s="7">
        <v>77843589.109999999</v>
      </c>
      <c r="E134" s="7">
        <v>70557266.689999998</v>
      </c>
      <c r="F134" s="7">
        <v>76349220.620000005</v>
      </c>
      <c r="G134" s="7">
        <v>0</v>
      </c>
      <c r="H134" s="7">
        <v>0</v>
      </c>
    </row>
    <row r="135" spans="1:8" x14ac:dyDescent="0.25">
      <c r="A135" s="2" t="s">
        <v>192</v>
      </c>
      <c r="B135" s="4" t="s">
        <v>729</v>
      </c>
      <c r="C135" s="7">
        <v>10430126555.67</v>
      </c>
      <c r="D135" s="7">
        <v>11190031984.51</v>
      </c>
      <c r="E135" s="7">
        <v>9856136217.2700005</v>
      </c>
      <c r="F135" s="7">
        <v>10622991691.91</v>
      </c>
      <c r="G135" s="7">
        <v>0</v>
      </c>
      <c r="H135" s="7">
        <v>0</v>
      </c>
    </row>
  </sheetData>
  <mergeCells count="48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70:A71"/>
    <mergeCell ref="B70:B71"/>
    <mergeCell ref="C70:C71"/>
    <mergeCell ref="A74:A75"/>
    <mergeCell ref="B74:B75"/>
    <mergeCell ref="C74:C75"/>
    <mergeCell ref="A78:A79"/>
    <mergeCell ref="B78:B79"/>
    <mergeCell ref="A83:A84"/>
    <mergeCell ref="B83:B84"/>
    <mergeCell ref="C83:C84"/>
    <mergeCell ref="A87:A88"/>
    <mergeCell ref="B87:B88"/>
    <mergeCell ref="C87:C88"/>
    <mergeCell ref="A91:A92"/>
    <mergeCell ref="B91:B92"/>
    <mergeCell ref="C91:D91"/>
    <mergeCell ref="A101:A102"/>
    <mergeCell ref="B101:B102"/>
    <mergeCell ref="C101:C102"/>
    <mergeCell ref="A105:A106"/>
    <mergeCell ref="B105:B106"/>
    <mergeCell ref="C105:C106"/>
    <mergeCell ref="A115:A116"/>
    <mergeCell ref="B115:B116"/>
    <mergeCell ref="C115:C116"/>
    <mergeCell ref="A119:A120"/>
    <mergeCell ref="B119:B120"/>
    <mergeCell ref="C119:C120"/>
    <mergeCell ref="A126:A127"/>
    <mergeCell ref="B126:B127"/>
    <mergeCell ref="C126:D126"/>
    <mergeCell ref="E126:F126"/>
    <mergeCell ref="G126:H126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topLeftCell="E25" workbookViewId="0">
      <selection activeCell="M40" sqref="M40"/>
    </sheetView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4.85546875" bestFit="1" customWidth="1"/>
    <col min="7" max="8" width="16" bestFit="1" customWidth="1"/>
    <col min="9" max="14" width="17.28515625" bestFit="1" customWidth="1"/>
  </cols>
  <sheetData>
    <row r="3" spans="1:14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</row>
    <row r="4" spans="1:14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x14ac:dyDescent="0.25">
      <c r="A5" s="12" t="s">
        <v>730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</row>
    <row r="6" spans="1:14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9" spans="1:14" x14ac:dyDescent="0.25">
      <c r="A9" s="9" t="s">
        <v>731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</row>
    <row r="10" spans="1:14" x14ac:dyDescent="0.25">
      <c r="A10" s="8" t="s">
        <v>6</v>
      </c>
      <c r="B10" s="8" t="s">
        <v>732</v>
      </c>
      <c r="C10" s="8" t="s">
        <v>733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38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45</v>
      </c>
    </row>
    <row r="11" spans="1:14" ht="31.5" x14ac:dyDescent="0.25">
      <c r="A11" s="8" t="s">
        <v>7</v>
      </c>
      <c r="B11" s="8" t="s">
        <v>7</v>
      </c>
      <c r="C11" s="1" t="s">
        <v>734</v>
      </c>
      <c r="D11" s="1" t="s">
        <v>735</v>
      </c>
      <c r="E11" s="1" t="s">
        <v>663</v>
      </c>
      <c r="F11" s="1" t="s">
        <v>736</v>
      </c>
      <c r="G11" s="1" t="s">
        <v>737</v>
      </c>
      <c r="H11" s="1" t="s">
        <v>739</v>
      </c>
      <c r="I11" s="1" t="s">
        <v>740</v>
      </c>
      <c r="J11" s="1" t="s">
        <v>741</v>
      </c>
      <c r="K11" s="1" t="s">
        <v>742</v>
      </c>
      <c r="L11" s="1" t="s">
        <v>743</v>
      </c>
      <c r="M11" s="1" t="s">
        <v>744</v>
      </c>
      <c r="N11" s="8" t="s">
        <v>7</v>
      </c>
    </row>
    <row r="12" spans="1:14" x14ac:dyDescent="0.25">
      <c r="A12" s="3" t="s">
        <v>17</v>
      </c>
      <c r="B12" s="5" t="s">
        <v>746</v>
      </c>
      <c r="C12" s="6">
        <v>88182984.280000001</v>
      </c>
      <c r="D12" s="6">
        <v>202963152.83000001</v>
      </c>
      <c r="E12" s="6">
        <v>200418923.62</v>
      </c>
      <c r="F12" s="6">
        <v>3809159.98</v>
      </c>
      <c r="G12" s="6">
        <v>86918053.510000005</v>
      </c>
      <c r="H12" s="6">
        <v>37407067.299999997</v>
      </c>
      <c r="I12" s="6">
        <v>722284475.83000004</v>
      </c>
      <c r="J12" s="6">
        <v>339429897.85000002</v>
      </c>
      <c r="K12" s="6">
        <v>325626561.18000001</v>
      </c>
      <c r="L12" s="6">
        <v>299299455.68000001</v>
      </c>
      <c r="M12" s="6">
        <v>134765526.27000001</v>
      </c>
      <c r="N12" s="6">
        <v>221683579.78</v>
      </c>
    </row>
    <row r="13" spans="1:14" x14ac:dyDescent="0.25">
      <c r="A13" s="2" t="s">
        <v>19</v>
      </c>
      <c r="B13" s="4" t="s">
        <v>747</v>
      </c>
      <c r="C13" s="7">
        <v>88182384.280000001</v>
      </c>
      <c r="D13" s="7">
        <v>138458464.74000001</v>
      </c>
      <c r="E13" s="7">
        <v>135971717.25</v>
      </c>
      <c r="F13" s="7">
        <v>3767426.1</v>
      </c>
      <c r="G13" s="7">
        <v>86901705.670000002</v>
      </c>
      <c r="H13" s="7">
        <v>37407067.299999997</v>
      </c>
      <c r="I13" s="7">
        <v>687959319.34000003</v>
      </c>
      <c r="J13" s="7">
        <v>314058972.74000001</v>
      </c>
      <c r="K13" s="7">
        <v>300255636.06999999</v>
      </c>
      <c r="L13" s="7">
        <v>292951977.36000001</v>
      </c>
      <c r="M13" s="7">
        <v>132158773.20999999</v>
      </c>
      <c r="N13" s="7">
        <v>219060478.88</v>
      </c>
    </row>
    <row r="14" spans="1:14" x14ac:dyDescent="0.25">
      <c r="A14" s="3" t="s">
        <v>21</v>
      </c>
      <c r="B14" s="5" t="s">
        <v>748</v>
      </c>
      <c r="C14" s="6">
        <v>0</v>
      </c>
      <c r="D14" s="6">
        <v>12750242.300000001</v>
      </c>
      <c r="E14" s="6">
        <v>12750242.300000001</v>
      </c>
      <c r="F14" s="6">
        <v>0</v>
      </c>
      <c r="G14" s="6">
        <v>0</v>
      </c>
      <c r="H14" s="6">
        <v>0</v>
      </c>
      <c r="I14" s="6">
        <v>1143189.3899999999</v>
      </c>
      <c r="J14" s="6">
        <v>794584.61</v>
      </c>
      <c r="K14" s="6">
        <v>794584.61</v>
      </c>
      <c r="L14" s="6">
        <v>348604.78</v>
      </c>
      <c r="M14" s="6">
        <v>0</v>
      </c>
      <c r="N14" s="6">
        <v>0</v>
      </c>
    </row>
    <row r="15" spans="1:14" x14ac:dyDescent="0.25">
      <c r="A15" s="2" t="s">
        <v>23</v>
      </c>
      <c r="B15" s="4" t="s">
        <v>749</v>
      </c>
      <c r="C15" s="7">
        <v>0</v>
      </c>
      <c r="D15" s="7">
        <v>8878771.6799999997</v>
      </c>
      <c r="E15" s="7">
        <v>8878771.6799999997</v>
      </c>
      <c r="F15" s="7">
        <v>0</v>
      </c>
      <c r="G15" s="7">
        <v>0</v>
      </c>
      <c r="H15" s="7">
        <v>0</v>
      </c>
      <c r="I15" s="7">
        <v>452125.26</v>
      </c>
      <c r="J15" s="7">
        <v>155669.16</v>
      </c>
      <c r="K15" s="7">
        <v>155669.16</v>
      </c>
      <c r="L15" s="7">
        <v>296456.09999999998</v>
      </c>
      <c r="M15" s="7">
        <v>0</v>
      </c>
      <c r="N15" s="7">
        <v>0</v>
      </c>
    </row>
    <row r="16" spans="1:14" x14ac:dyDescent="0.25">
      <c r="A16" s="2" t="s">
        <v>25</v>
      </c>
      <c r="B16" s="4" t="s">
        <v>750</v>
      </c>
      <c r="C16" s="7">
        <v>0</v>
      </c>
      <c r="D16" s="7">
        <v>3866488.8</v>
      </c>
      <c r="E16" s="7">
        <v>3866488.8</v>
      </c>
      <c r="F16" s="7">
        <v>0</v>
      </c>
      <c r="G16" s="7">
        <v>0</v>
      </c>
      <c r="H16" s="7">
        <v>0</v>
      </c>
      <c r="I16" s="7">
        <v>685981.95</v>
      </c>
      <c r="J16" s="7">
        <v>633833.27</v>
      </c>
      <c r="K16" s="7">
        <v>633833.27</v>
      </c>
      <c r="L16" s="7">
        <v>52148.68</v>
      </c>
      <c r="M16" s="7">
        <v>0</v>
      </c>
      <c r="N16" s="7">
        <v>0</v>
      </c>
    </row>
    <row r="17" spans="1:14" x14ac:dyDescent="0.25">
      <c r="A17" s="2" t="s">
        <v>27</v>
      </c>
      <c r="B17" s="4" t="s">
        <v>751</v>
      </c>
      <c r="C17" s="7">
        <v>0</v>
      </c>
      <c r="D17" s="7">
        <v>4981.82</v>
      </c>
      <c r="E17" s="7">
        <v>4981.82</v>
      </c>
      <c r="F17" s="7">
        <v>0</v>
      </c>
      <c r="G17" s="7">
        <v>0</v>
      </c>
      <c r="H17" s="7">
        <v>0</v>
      </c>
      <c r="I17" s="7">
        <v>5082.18</v>
      </c>
      <c r="J17" s="7">
        <v>5082.18</v>
      </c>
      <c r="K17" s="7">
        <v>5082.18</v>
      </c>
      <c r="L17" s="7">
        <v>0</v>
      </c>
      <c r="M17" s="7">
        <v>0</v>
      </c>
      <c r="N17" s="7">
        <v>0</v>
      </c>
    </row>
    <row r="18" spans="1:14" x14ac:dyDescent="0.25">
      <c r="A18" s="3" t="s">
        <v>29</v>
      </c>
      <c r="B18" s="5" t="s">
        <v>752</v>
      </c>
      <c r="C18" s="6">
        <v>0</v>
      </c>
      <c r="D18" s="6">
        <v>33678751.950000003</v>
      </c>
      <c r="E18" s="6">
        <v>33620674.219999999</v>
      </c>
      <c r="F18" s="6">
        <v>41729.89</v>
      </c>
      <c r="G18" s="6">
        <v>16347.84</v>
      </c>
      <c r="H18" s="6">
        <v>0</v>
      </c>
      <c r="I18" s="6">
        <v>15388193.199999999</v>
      </c>
      <c r="J18" s="6">
        <v>11236286.42</v>
      </c>
      <c r="K18" s="6">
        <v>11236286.42</v>
      </c>
      <c r="L18" s="6">
        <v>4151906.78</v>
      </c>
      <c r="M18" s="6">
        <v>0</v>
      </c>
      <c r="N18" s="6">
        <v>16347.84</v>
      </c>
    </row>
    <row r="19" spans="1:14" x14ac:dyDescent="0.25">
      <c r="A19" s="2" t="s">
        <v>31</v>
      </c>
      <c r="B19" s="4" t="s">
        <v>753</v>
      </c>
      <c r="C19" s="7">
        <v>0</v>
      </c>
      <c r="D19" s="7">
        <v>30309882.670000002</v>
      </c>
      <c r="E19" s="7">
        <v>30268304.350000001</v>
      </c>
      <c r="F19" s="7">
        <v>41578.32</v>
      </c>
      <c r="G19" s="7">
        <v>0</v>
      </c>
      <c r="H19" s="7">
        <v>0</v>
      </c>
      <c r="I19" s="7">
        <v>0</v>
      </c>
      <c r="J19" s="7">
        <v>0</v>
      </c>
      <c r="K19" s="7">
        <v>0</v>
      </c>
      <c r="L19" s="7">
        <v>0</v>
      </c>
      <c r="M19" s="7">
        <v>0</v>
      </c>
      <c r="N19" s="7">
        <v>0</v>
      </c>
    </row>
    <row r="20" spans="1:14" x14ac:dyDescent="0.25">
      <c r="A20" s="2" t="s">
        <v>33</v>
      </c>
      <c r="B20" s="4" t="s">
        <v>754</v>
      </c>
      <c r="C20" s="7">
        <v>0</v>
      </c>
      <c r="D20" s="7">
        <v>3368869.28</v>
      </c>
      <c r="E20" s="7">
        <v>3352369.87</v>
      </c>
      <c r="F20" s="7">
        <v>151.57</v>
      </c>
      <c r="G20" s="7">
        <v>16347.84</v>
      </c>
      <c r="H20" s="7">
        <v>0</v>
      </c>
      <c r="I20" s="7">
        <v>15388193.199999999</v>
      </c>
      <c r="J20" s="7">
        <v>11236286.42</v>
      </c>
      <c r="K20" s="7">
        <v>11236286.42</v>
      </c>
      <c r="L20" s="7">
        <v>4151906.78</v>
      </c>
      <c r="M20" s="7">
        <v>0</v>
      </c>
      <c r="N20" s="7">
        <v>16347.84</v>
      </c>
    </row>
    <row r="21" spans="1:14" x14ac:dyDescent="0.25">
      <c r="A21" s="3" t="s">
        <v>35</v>
      </c>
      <c r="B21" s="5" t="s">
        <v>755</v>
      </c>
      <c r="C21" s="6">
        <v>600</v>
      </c>
      <c r="D21" s="6">
        <v>7604945.3799999999</v>
      </c>
      <c r="E21" s="6">
        <v>7605545.3799999999</v>
      </c>
      <c r="F21" s="6">
        <v>0</v>
      </c>
      <c r="G21" s="6">
        <v>0</v>
      </c>
      <c r="H21" s="6">
        <v>0</v>
      </c>
      <c r="I21" s="6">
        <v>16266926.359999999</v>
      </c>
      <c r="J21" s="6">
        <v>12036983.449999999</v>
      </c>
      <c r="K21" s="6">
        <v>12036983.449999999</v>
      </c>
      <c r="L21" s="6">
        <v>1623189.85</v>
      </c>
      <c r="M21" s="6">
        <v>2606753.06</v>
      </c>
      <c r="N21" s="6">
        <v>2606753.06</v>
      </c>
    </row>
    <row r="22" spans="1:14" x14ac:dyDescent="0.25">
      <c r="A22" s="2" t="s">
        <v>37</v>
      </c>
      <c r="B22" s="4" t="s">
        <v>756</v>
      </c>
      <c r="C22" s="7">
        <v>600</v>
      </c>
      <c r="D22" s="7">
        <v>7604945.3799999999</v>
      </c>
      <c r="E22" s="7">
        <v>7605545.3799999999</v>
      </c>
      <c r="F22" s="7">
        <v>0</v>
      </c>
      <c r="G22" s="7">
        <v>0</v>
      </c>
      <c r="H22" s="7">
        <v>0</v>
      </c>
      <c r="I22" s="7">
        <v>10948347.619999999</v>
      </c>
      <c r="J22" s="7">
        <v>7164550.6500000004</v>
      </c>
      <c r="K22" s="7">
        <v>7164550.6500000004</v>
      </c>
      <c r="L22" s="7">
        <v>1488922.46</v>
      </c>
      <c r="M22" s="7">
        <v>2294874.5099999998</v>
      </c>
      <c r="N22" s="7">
        <v>2294874.5099999998</v>
      </c>
    </row>
    <row r="23" spans="1:14" x14ac:dyDescent="0.25">
      <c r="A23" s="2" t="s">
        <v>39</v>
      </c>
      <c r="B23" s="4" t="s">
        <v>757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5318578.74</v>
      </c>
      <c r="J23" s="7">
        <v>4872432.8</v>
      </c>
      <c r="K23" s="7">
        <v>4872432.8</v>
      </c>
      <c r="L23" s="7">
        <v>134267.39000000001</v>
      </c>
      <c r="M23" s="7">
        <v>311878.55</v>
      </c>
      <c r="N23" s="7">
        <v>311878.55</v>
      </c>
    </row>
    <row r="24" spans="1:14" x14ac:dyDescent="0.25">
      <c r="A24" s="2" t="s">
        <v>41</v>
      </c>
      <c r="B24" s="4" t="s">
        <v>758</v>
      </c>
      <c r="C24" s="7">
        <v>0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0</v>
      </c>
      <c r="J24" s="7">
        <v>0</v>
      </c>
      <c r="K24" s="7">
        <v>0</v>
      </c>
      <c r="L24" s="7">
        <v>0</v>
      </c>
      <c r="M24" s="7">
        <v>0</v>
      </c>
      <c r="N24" s="7">
        <v>0</v>
      </c>
    </row>
    <row r="25" spans="1:14" x14ac:dyDescent="0.25">
      <c r="A25" s="2" t="s">
        <v>43</v>
      </c>
      <c r="B25" s="4" t="s">
        <v>759</v>
      </c>
      <c r="C25" s="7">
        <v>0</v>
      </c>
      <c r="D25" s="7">
        <v>10470748.460000001</v>
      </c>
      <c r="E25" s="7">
        <v>10470744.470000001</v>
      </c>
      <c r="F25" s="7">
        <v>3.99</v>
      </c>
      <c r="G25" s="7">
        <v>0</v>
      </c>
      <c r="H25" s="7">
        <v>0</v>
      </c>
      <c r="I25" s="7">
        <v>1526847.54</v>
      </c>
      <c r="J25" s="7">
        <v>1303070.6299999999</v>
      </c>
      <c r="K25" s="7">
        <v>1303070.6299999999</v>
      </c>
      <c r="L25" s="7">
        <v>223776.91</v>
      </c>
      <c r="M25" s="7">
        <v>0</v>
      </c>
      <c r="N25" s="7">
        <v>0</v>
      </c>
    </row>
    <row r="26" spans="1:14" x14ac:dyDescent="0.25">
      <c r="A26" s="3" t="s">
        <v>45</v>
      </c>
      <c r="B26" s="5" t="s">
        <v>760</v>
      </c>
      <c r="C26" s="6">
        <v>9918855.7400000002</v>
      </c>
      <c r="D26" s="6">
        <v>73410804.810000002</v>
      </c>
      <c r="E26" s="6">
        <v>73233630.769999996</v>
      </c>
      <c r="F26" s="6">
        <v>409647.72</v>
      </c>
      <c r="G26" s="6">
        <v>9686382.0600000005</v>
      </c>
      <c r="H26" s="6">
        <v>72520.06</v>
      </c>
      <c r="I26" s="6">
        <v>1720.76</v>
      </c>
      <c r="J26" s="6">
        <v>74240.820000000007</v>
      </c>
      <c r="K26" s="6">
        <v>74240.820000000007</v>
      </c>
      <c r="L26" s="6">
        <v>0</v>
      </c>
      <c r="M26" s="6">
        <v>0</v>
      </c>
      <c r="N26" s="6">
        <v>9686382.0600000005</v>
      </c>
    </row>
    <row r="27" spans="1:14" x14ac:dyDescent="0.25">
      <c r="A27" s="2" t="s">
        <v>47</v>
      </c>
      <c r="B27" s="4" t="s">
        <v>761</v>
      </c>
      <c r="C27" s="7">
        <v>9918855.7400000002</v>
      </c>
      <c r="D27" s="7">
        <v>56846474.200000003</v>
      </c>
      <c r="E27" s="7">
        <v>56669523.659999996</v>
      </c>
      <c r="F27" s="7">
        <v>409424.22</v>
      </c>
      <c r="G27" s="7">
        <v>9686382.0600000005</v>
      </c>
      <c r="H27" s="7">
        <v>72520.06</v>
      </c>
      <c r="I27" s="7">
        <v>1720.76</v>
      </c>
      <c r="J27" s="7">
        <v>74240.820000000007</v>
      </c>
      <c r="K27" s="7">
        <v>74240.820000000007</v>
      </c>
      <c r="L27" s="7">
        <v>0</v>
      </c>
      <c r="M27" s="7">
        <v>0</v>
      </c>
      <c r="N27" s="7">
        <v>9686382.0600000005</v>
      </c>
    </row>
    <row r="28" spans="1:14" x14ac:dyDescent="0.25">
      <c r="A28" s="3" t="s">
        <v>49</v>
      </c>
      <c r="B28" s="5" t="s">
        <v>762</v>
      </c>
      <c r="C28" s="6">
        <v>0</v>
      </c>
      <c r="D28" s="6">
        <v>3530575.28</v>
      </c>
      <c r="E28" s="6">
        <v>3530575.28</v>
      </c>
      <c r="F28" s="6">
        <v>0</v>
      </c>
      <c r="G28" s="6">
        <v>0</v>
      </c>
      <c r="H28" s="6">
        <v>0</v>
      </c>
      <c r="I28" s="6">
        <v>0</v>
      </c>
      <c r="J28" s="6">
        <v>0</v>
      </c>
      <c r="K28" s="6">
        <v>0</v>
      </c>
      <c r="L28" s="6">
        <v>0</v>
      </c>
      <c r="M28" s="6">
        <v>0</v>
      </c>
      <c r="N28" s="6">
        <v>0</v>
      </c>
    </row>
    <row r="29" spans="1:14" x14ac:dyDescent="0.25">
      <c r="A29" s="2" t="s">
        <v>51</v>
      </c>
      <c r="B29" s="4" t="s">
        <v>749</v>
      </c>
      <c r="C29" s="7">
        <v>0</v>
      </c>
      <c r="D29" s="7">
        <v>3528661.77</v>
      </c>
      <c r="E29" s="7">
        <v>3528661.77</v>
      </c>
      <c r="F29" s="7">
        <v>0</v>
      </c>
      <c r="G29" s="7">
        <v>0</v>
      </c>
      <c r="H29" s="7">
        <v>0</v>
      </c>
      <c r="I29" s="7">
        <v>0</v>
      </c>
      <c r="J29" s="7">
        <v>0</v>
      </c>
      <c r="K29" s="7">
        <v>0</v>
      </c>
      <c r="L29" s="7">
        <v>0</v>
      </c>
      <c r="M29" s="7">
        <v>0</v>
      </c>
      <c r="N29" s="7">
        <v>0</v>
      </c>
    </row>
    <row r="30" spans="1:14" x14ac:dyDescent="0.25">
      <c r="A30" s="2" t="s">
        <v>53</v>
      </c>
      <c r="B30" s="4" t="s">
        <v>750</v>
      </c>
      <c r="C30" s="7">
        <v>0</v>
      </c>
      <c r="D30" s="7">
        <v>1913.51</v>
      </c>
      <c r="E30" s="7">
        <v>1913.51</v>
      </c>
      <c r="F30" s="7">
        <v>0</v>
      </c>
      <c r="G30" s="7">
        <v>0</v>
      </c>
      <c r="H30" s="7">
        <v>0</v>
      </c>
      <c r="I30" s="7">
        <v>0</v>
      </c>
      <c r="J30" s="7">
        <v>0</v>
      </c>
      <c r="K30" s="7">
        <v>0</v>
      </c>
      <c r="L30" s="7">
        <v>0</v>
      </c>
      <c r="M30" s="7">
        <v>0</v>
      </c>
      <c r="N30" s="7">
        <v>0</v>
      </c>
    </row>
    <row r="31" spans="1:14" x14ac:dyDescent="0.25">
      <c r="A31" s="2" t="s">
        <v>55</v>
      </c>
      <c r="B31" s="4" t="s">
        <v>751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  <c r="J31" s="7">
        <v>0</v>
      </c>
      <c r="K31" s="7">
        <v>0</v>
      </c>
      <c r="L31" s="7">
        <v>0</v>
      </c>
      <c r="M31" s="7">
        <v>0</v>
      </c>
      <c r="N31" s="7">
        <v>0</v>
      </c>
    </row>
    <row r="32" spans="1:14" x14ac:dyDescent="0.25">
      <c r="A32" s="3" t="s">
        <v>57</v>
      </c>
      <c r="B32" s="5" t="s">
        <v>763</v>
      </c>
      <c r="C32" s="6">
        <v>0</v>
      </c>
      <c r="D32" s="6">
        <v>10917713.470000001</v>
      </c>
      <c r="E32" s="6">
        <v>10917489.970000001</v>
      </c>
      <c r="F32" s="6">
        <v>223.5</v>
      </c>
      <c r="G32" s="6">
        <v>0</v>
      </c>
      <c r="H32" s="6">
        <v>0</v>
      </c>
      <c r="I32" s="6">
        <v>0</v>
      </c>
      <c r="J32" s="6">
        <v>0</v>
      </c>
      <c r="K32" s="6">
        <v>0</v>
      </c>
      <c r="L32" s="6">
        <v>0</v>
      </c>
      <c r="M32" s="6">
        <v>0</v>
      </c>
      <c r="N32" s="6">
        <v>0</v>
      </c>
    </row>
    <row r="33" spans="1:14" x14ac:dyDescent="0.25">
      <c r="A33" s="2" t="s">
        <v>59</v>
      </c>
      <c r="B33" s="4" t="s">
        <v>753</v>
      </c>
      <c r="C33" s="7">
        <v>0</v>
      </c>
      <c r="D33" s="7">
        <v>10917713.470000001</v>
      </c>
      <c r="E33" s="7">
        <v>10917489.970000001</v>
      </c>
      <c r="F33" s="7">
        <v>223.5</v>
      </c>
      <c r="G33" s="7">
        <v>0</v>
      </c>
      <c r="H33" s="7">
        <v>0</v>
      </c>
      <c r="I33" s="7">
        <v>0</v>
      </c>
      <c r="J33" s="7">
        <v>0</v>
      </c>
      <c r="K33" s="7">
        <v>0</v>
      </c>
      <c r="L33" s="7">
        <v>0</v>
      </c>
      <c r="M33" s="7">
        <v>0</v>
      </c>
      <c r="N33" s="7">
        <v>0</v>
      </c>
    </row>
    <row r="34" spans="1:14" x14ac:dyDescent="0.25">
      <c r="A34" s="2" t="s">
        <v>61</v>
      </c>
      <c r="B34" s="4" t="s">
        <v>754</v>
      </c>
      <c r="C34" s="7">
        <v>0</v>
      </c>
      <c r="D34" s="7">
        <v>0</v>
      </c>
      <c r="E34" s="7">
        <v>0</v>
      </c>
      <c r="F34" s="7">
        <v>0</v>
      </c>
      <c r="G34" s="7">
        <v>0</v>
      </c>
      <c r="H34" s="7">
        <v>0</v>
      </c>
      <c r="I34" s="7">
        <v>0</v>
      </c>
      <c r="J34" s="7">
        <v>0</v>
      </c>
      <c r="K34" s="7">
        <v>0</v>
      </c>
      <c r="L34" s="7">
        <v>0</v>
      </c>
      <c r="M34" s="7">
        <v>0</v>
      </c>
      <c r="N34" s="7">
        <v>0</v>
      </c>
    </row>
    <row r="35" spans="1:14" x14ac:dyDescent="0.25">
      <c r="A35" s="3" t="s">
        <v>63</v>
      </c>
      <c r="B35" s="5" t="s">
        <v>755</v>
      </c>
      <c r="C35" s="6">
        <v>0</v>
      </c>
      <c r="D35" s="6">
        <v>0</v>
      </c>
      <c r="E35" s="6">
        <v>0</v>
      </c>
      <c r="F35" s="6">
        <v>0</v>
      </c>
      <c r="G35" s="6">
        <v>0</v>
      </c>
      <c r="H35" s="6">
        <v>0</v>
      </c>
      <c r="I35" s="6">
        <v>0</v>
      </c>
      <c r="J35" s="6">
        <v>0</v>
      </c>
      <c r="K35" s="6">
        <v>0</v>
      </c>
      <c r="L35" s="6">
        <v>0</v>
      </c>
      <c r="M35" s="6">
        <v>0</v>
      </c>
      <c r="N35" s="6">
        <v>0</v>
      </c>
    </row>
    <row r="36" spans="1:14" x14ac:dyDescent="0.25">
      <c r="A36" s="2" t="s">
        <v>65</v>
      </c>
      <c r="B36" s="4" t="s">
        <v>756</v>
      </c>
      <c r="C36" s="7">
        <v>0</v>
      </c>
      <c r="D36" s="7">
        <v>0</v>
      </c>
      <c r="E36" s="7">
        <v>0</v>
      </c>
      <c r="F36" s="7">
        <v>0</v>
      </c>
      <c r="G36" s="7">
        <v>0</v>
      </c>
      <c r="H36" s="7">
        <v>0</v>
      </c>
      <c r="I36" s="7">
        <v>0</v>
      </c>
      <c r="J36" s="7">
        <v>0</v>
      </c>
      <c r="K36" s="7">
        <v>0</v>
      </c>
      <c r="L36" s="7">
        <v>0</v>
      </c>
      <c r="M36" s="7">
        <v>0</v>
      </c>
      <c r="N36" s="7">
        <v>0</v>
      </c>
    </row>
    <row r="37" spans="1:14" x14ac:dyDescent="0.25">
      <c r="A37" s="2" t="s">
        <v>67</v>
      </c>
      <c r="B37" s="4" t="s">
        <v>757</v>
      </c>
      <c r="C37" s="7">
        <v>0</v>
      </c>
      <c r="D37" s="7">
        <v>0</v>
      </c>
      <c r="E37" s="7">
        <v>0</v>
      </c>
      <c r="F37" s="7">
        <v>0</v>
      </c>
      <c r="G37" s="7">
        <v>0</v>
      </c>
      <c r="H37" s="7">
        <v>0</v>
      </c>
      <c r="I37" s="7">
        <v>0</v>
      </c>
      <c r="J37" s="7">
        <v>0</v>
      </c>
      <c r="K37" s="7">
        <v>0</v>
      </c>
      <c r="L37" s="7">
        <v>0</v>
      </c>
      <c r="M37" s="7">
        <v>0</v>
      </c>
      <c r="N37" s="7">
        <v>0</v>
      </c>
    </row>
    <row r="38" spans="1:14" x14ac:dyDescent="0.25">
      <c r="A38" s="2" t="s">
        <v>69</v>
      </c>
      <c r="B38" s="4" t="s">
        <v>758</v>
      </c>
      <c r="C38" s="7">
        <v>0</v>
      </c>
      <c r="D38" s="7">
        <v>0</v>
      </c>
      <c r="E38" s="7">
        <v>0</v>
      </c>
      <c r="F38" s="7">
        <v>0</v>
      </c>
      <c r="G38" s="7">
        <v>0</v>
      </c>
      <c r="H38" s="7">
        <v>0</v>
      </c>
      <c r="I38" s="7">
        <v>0</v>
      </c>
      <c r="J38" s="7">
        <v>0</v>
      </c>
      <c r="K38" s="7">
        <v>0</v>
      </c>
      <c r="L38" s="7">
        <v>0</v>
      </c>
      <c r="M38" s="7">
        <v>0</v>
      </c>
      <c r="N38" s="7">
        <v>0</v>
      </c>
    </row>
    <row r="39" spans="1:14" x14ac:dyDescent="0.25">
      <c r="A39" s="2" t="s">
        <v>71</v>
      </c>
      <c r="B39" s="4" t="s">
        <v>759</v>
      </c>
      <c r="C39" s="7">
        <v>0</v>
      </c>
      <c r="D39" s="7">
        <v>2116041.86</v>
      </c>
      <c r="E39" s="7">
        <v>2116041.86</v>
      </c>
      <c r="F39" s="7">
        <v>0</v>
      </c>
      <c r="G39" s="7">
        <v>0</v>
      </c>
      <c r="H39" s="7">
        <v>0</v>
      </c>
      <c r="I39" s="7">
        <v>0</v>
      </c>
      <c r="J39" s="7">
        <v>0</v>
      </c>
      <c r="K39" s="7">
        <v>0</v>
      </c>
      <c r="L39" s="7">
        <v>0</v>
      </c>
      <c r="M39" s="7">
        <v>0</v>
      </c>
      <c r="N39" s="7">
        <v>0</v>
      </c>
    </row>
    <row r="40" spans="1:14" x14ac:dyDescent="0.25">
      <c r="A40" s="3" t="s">
        <v>73</v>
      </c>
      <c r="B40" s="5" t="s">
        <v>764</v>
      </c>
      <c r="C40" s="6">
        <v>98101840.019999996</v>
      </c>
      <c r="D40" s="6">
        <v>276373957.63999999</v>
      </c>
      <c r="E40" s="6">
        <v>273652554.38999999</v>
      </c>
      <c r="F40" s="6">
        <v>4218807.7</v>
      </c>
      <c r="G40" s="6">
        <v>96604435.569999993</v>
      </c>
      <c r="H40" s="6">
        <v>37479587.359999999</v>
      </c>
      <c r="I40" s="6">
        <v>722286196.59000003</v>
      </c>
      <c r="J40" s="6">
        <v>339504138.67000002</v>
      </c>
      <c r="K40" s="6">
        <v>325700802</v>
      </c>
      <c r="L40" s="6">
        <v>299299455.68000001</v>
      </c>
      <c r="M40" s="6">
        <v>134765526.27000001</v>
      </c>
      <c r="N40" s="6">
        <v>231369961.84</v>
      </c>
    </row>
  </sheetData>
  <mergeCells count="11">
    <mergeCell ref="A3:N3"/>
    <mergeCell ref="A4:N4"/>
    <mergeCell ref="A5:N5"/>
    <mergeCell ref="A6:N6"/>
    <mergeCell ref="A7:N7"/>
    <mergeCell ref="A9:N9"/>
    <mergeCell ref="A10:A11"/>
    <mergeCell ref="B10:B11"/>
    <mergeCell ref="C10:G10"/>
    <mergeCell ref="H10:M10"/>
    <mergeCell ref="N10:N11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topLeftCell="A85" workbookViewId="0">
      <selection activeCell="C95" sqref="C95"/>
    </sheetView>
  </sheetViews>
  <sheetFormatPr defaultRowHeight="15" x14ac:dyDescent="0.25"/>
  <cols>
    <col min="1" max="1" width="3.28515625" bestFit="1" customWidth="1"/>
    <col min="2" max="2" width="94" customWidth="1"/>
    <col min="3" max="4" width="20.42578125" bestFit="1" customWidth="1"/>
    <col min="5" max="5" width="19.28515625" bestFit="1" customWidth="1"/>
    <col min="6" max="6" width="16" bestFit="1" customWidth="1"/>
    <col min="7" max="7" width="19" bestFit="1" customWidth="1"/>
    <col min="8" max="8" width="16.140625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765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766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767</v>
      </c>
      <c r="C10" s="8" t="s">
        <v>9</v>
      </c>
      <c r="D10" s="8" t="s">
        <v>10</v>
      </c>
      <c r="E10" s="8" t="s">
        <v>11</v>
      </c>
      <c r="F10" s="8" t="s">
        <v>11</v>
      </c>
    </row>
    <row r="11" spans="1:8" ht="2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371</v>
      </c>
      <c r="F11" s="1" t="s">
        <v>768</v>
      </c>
    </row>
    <row r="12" spans="1:8" x14ac:dyDescent="0.25">
      <c r="A12" s="3" t="s">
        <v>17</v>
      </c>
      <c r="B12" s="5" t="s">
        <v>769</v>
      </c>
      <c r="C12" s="6">
        <v>10687148600</v>
      </c>
      <c r="D12" s="6">
        <v>10687148600</v>
      </c>
      <c r="E12" s="6">
        <v>8822731071.7600002</v>
      </c>
      <c r="F12" s="6">
        <v>82.55</v>
      </c>
    </row>
    <row r="13" spans="1:8" x14ac:dyDescent="0.25">
      <c r="A13" s="3" t="s">
        <v>19</v>
      </c>
      <c r="B13" s="5" t="s">
        <v>770</v>
      </c>
      <c r="C13" s="6">
        <v>8899909800</v>
      </c>
      <c r="D13" s="6">
        <v>8899909800</v>
      </c>
      <c r="E13" s="6">
        <v>7325470481.6700001</v>
      </c>
      <c r="F13" s="6">
        <v>82.31</v>
      </c>
    </row>
    <row r="14" spans="1:8" x14ac:dyDescent="0.25">
      <c r="A14" s="2" t="s">
        <v>21</v>
      </c>
      <c r="B14" s="4" t="s">
        <v>771</v>
      </c>
      <c r="C14" s="7">
        <v>8736069200</v>
      </c>
      <c r="D14" s="7">
        <v>8736069200</v>
      </c>
      <c r="E14" s="7">
        <v>7176817321.8000002</v>
      </c>
      <c r="F14" s="7">
        <v>82.15</v>
      </c>
    </row>
    <row r="15" spans="1:8" x14ac:dyDescent="0.25">
      <c r="A15" s="2" t="s">
        <v>23</v>
      </c>
      <c r="B15" s="4" t="s">
        <v>772</v>
      </c>
      <c r="C15" s="7">
        <v>76570900</v>
      </c>
      <c r="D15" s="7">
        <v>76570900</v>
      </c>
      <c r="E15" s="7">
        <v>81075227.170000002</v>
      </c>
      <c r="F15" s="7">
        <v>105.88</v>
      </c>
    </row>
    <row r="16" spans="1:8" x14ac:dyDescent="0.25">
      <c r="A16" s="2" t="s">
        <v>25</v>
      </c>
      <c r="B16" s="4" t="s">
        <v>773</v>
      </c>
      <c r="C16" s="7">
        <v>87269700</v>
      </c>
      <c r="D16" s="7">
        <v>87269700</v>
      </c>
      <c r="E16" s="7">
        <v>67577932.700000003</v>
      </c>
      <c r="F16" s="7">
        <v>77.44</v>
      </c>
    </row>
    <row r="17" spans="1:6" x14ac:dyDescent="0.25">
      <c r="A17" s="3" t="s">
        <v>27</v>
      </c>
      <c r="B17" s="5" t="s">
        <v>774</v>
      </c>
      <c r="C17" s="6">
        <v>142312000</v>
      </c>
      <c r="D17" s="6">
        <v>142312000</v>
      </c>
      <c r="E17" s="6">
        <v>133032345.19</v>
      </c>
      <c r="F17" s="6">
        <v>93.48</v>
      </c>
    </row>
    <row r="18" spans="1:6" x14ac:dyDescent="0.25">
      <c r="A18" s="2" t="s">
        <v>29</v>
      </c>
      <c r="B18" s="4" t="s">
        <v>775</v>
      </c>
      <c r="C18" s="7">
        <v>142311600</v>
      </c>
      <c r="D18" s="7">
        <v>142311600</v>
      </c>
      <c r="E18" s="7">
        <v>132330316.88</v>
      </c>
      <c r="F18" s="7">
        <v>92.99</v>
      </c>
    </row>
    <row r="19" spans="1:6" x14ac:dyDescent="0.25">
      <c r="A19" s="2" t="s">
        <v>31</v>
      </c>
      <c r="B19" s="4" t="s">
        <v>776</v>
      </c>
      <c r="C19" s="7">
        <v>400</v>
      </c>
      <c r="D19" s="7">
        <v>400</v>
      </c>
      <c r="E19" s="7">
        <v>702028.31</v>
      </c>
      <c r="F19" s="7">
        <v>175507.08</v>
      </c>
    </row>
    <row r="20" spans="1:6" x14ac:dyDescent="0.25">
      <c r="A20" s="3" t="s">
        <v>33</v>
      </c>
      <c r="B20" s="5" t="s">
        <v>777</v>
      </c>
      <c r="C20" s="6">
        <v>695212300</v>
      </c>
      <c r="D20" s="6">
        <v>695212300</v>
      </c>
      <c r="E20" s="6">
        <v>659879709.79999995</v>
      </c>
      <c r="F20" s="6">
        <v>94.92</v>
      </c>
    </row>
    <row r="21" spans="1:6" x14ac:dyDescent="0.25">
      <c r="A21" s="2" t="s">
        <v>35</v>
      </c>
      <c r="B21" s="4" t="s">
        <v>778</v>
      </c>
      <c r="C21" s="7">
        <v>657265100</v>
      </c>
      <c r="D21" s="7">
        <v>657265100</v>
      </c>
      <c r="E21" s="7">
        <v>613953468.75999999</v>
      </c>
      <c r="F21" s="7">
        <v>93.41</v>
      </c>
    </row>
    <row r="22" spans="1:6" x14ac:dyDescent="0.25">
      <c r="A22" s="2" t="s">
        <v>37</v>
      </c>
      <c r="B22" s="4" t="s">
        <v>779</v>
      </c>
      <c r="C22" s="7">
        <v>37947200</v>
      </c>
      <c r="D22" s="7">
        <v>37947200</v>
      </c>
      <c r="E22" s="7">
        <v>45926241.039999999</v>
      </c>
      <c r="F22" s="7">
        <v>121.03</v>
      </c>
    </row>
    <row r="23" spans="1:6" x14ac:dyDescent="0.25">
      <c r="A23" s="2" t="s">
        <v>39</v>
      </c>
      <c r="B23" s="4" t="s">
        <v>780</v>
      </c>
      <c r="C23" s="7">
        <v>949714500</v>
      </c>
      <c r="D23" s="7">
        <v>949714500</v>
      </c>
      <c r="E23" s="7">
        <v>704348535.10000002</v>
      </c>
      <c r="F23" s="7">
        <v>74.16</v>
      </c>
    </row>
    <row r="24" spans="1:6" x14ac:dyDescent="0.25">
      <c r="A24" s="3" t="s">
        <v>41</v>
      </c>
      <c r="B24" s="5" t="s">
        <v>781</v>
      </c>
      <c r="C24" s="6">
        <v>1342751200</v>
      </c>
      <c r="D24" s="6">
        <v>1342751200</v>
      </c>
      <c r="E24" s="6">
        <v>1160121643.1199999</v>
      </c>
      <c r="F24" s="6">
        <v>169.75</v>
      </c>
    </row>
    <row r="25" spans="1:6" x14ac:dyDescent="0.25">
      <c r="A25" s="2" t="s">
        <v>43</v>
      </c>
      <c r="B25" s="4" t="s">
        <v>782</v>
      </c>
      <c r="C25" s="7">
        <v>1218808000</v>
      </c>
      <c r="D25" s="7">
        <v>1218808000</v>
      </c>
      <c r="E25" s="7">
        <v>1073797568.1900001</v>
      </c>
      <c r="F25" s="7">
        <v>88.1</v>
      </c>
    </row>
    <row r="26" spans="1:6" x14ac:dyDescent="0.25">
      <c r="A26" s="2" t="s">
        <v>45</v>
      </c>
      <c r="B26" s="4" t="s">
        <v>783</v>
      </c>
      <c r="C26" s="7">
        <v>18217000</v>
      </c>
      <c r="D26" s="7">
        <v>18217000</v>
      </c>
      <c r="E26" s="7">
        <v>0</v>
      </c>
      <c r="F26" s="7">
        <v>0</v>
      </c>
    </row>
    <row r="27" spans="1:6" x14ac:dyDescent="0.25">
      <c r="A27" s="2" t="s">
        <v>47</v>
      </c>
      <c r="B27" s="4" t="s">
        <v>784</v>
      </c>
      <c r="C27" s="7">
        <v>105726200</v>
      </c>
      <c r="D27" s="7">
        <v>105726200</v>
      </c>
      <c r="E27" s="7">
        <v>86324074.930000007</v>
      </c>
      <c r="F27" s="7">
        <v>81.650000000000006</v>
      </c>
    </row>
    <row r="28" spans="1:6" x14ac:dyDescent="0.25">
      <c r="A28" s="2" t="s">
        <v>49</v>
      </c>
      <c r="B28" s="4" t="s">
        <v>785</v>
      </c>
      <c r="C28" s="7">
        <v>0</v>
      </c>
      <c r="D28" s="7">
        <v>0</v>
      </c>
      <c r="E28" s="7">
        <v>0</v>
      </c>
      <c r="F28" s="7">
        <v>0</v>
      </c>
    </row>
    <row r="29" spans="1:6" x14ac:dyDescent="0.25">
      <c r="A29" s="3" t="s">
        <v>51</v>
      </c>
      <c r="B29" s="5" t="s">
        <v>786</v>
      </c>
      <c r="C29" s="6">
        <v>2577197800</v>
      </c>
      <c r="D29" s="6">
        <v>2577197800</v>
      </c>
      <c r="E29" s="6">
        <v>2166049816.8000002</v>
      </c>
      <c r="F29" s="6">
        <v>258.94</v>
      </c>
    </row>
    <row r="30" spans="1:6" x14ac:dyDescent="0.25">
      <c r="A30" s="2" t="s">
        <v>53</v>
      </c>
      <c r="B30" s="4" t="s">
        <v>787</v>
      </c>
      <c r="C30" s="7">
        <v>2203160000</v>
      </c>
      <c r="D30" s="7">
        <v>2203160000</v>
      </c>
      <c r="E30" s="7">
        <v>1814473129.8800001</v>
      </c>
      <c r="F30" s="7">
        <v>82.36</v>
      </c>
    </row>
    <row r="31" spans="1:6" x14ac:dyDescent="0.25">
      <c r="A31" s="2" t="s">
        <v>55</v>
      </c>
      <c r="B31" s="4" t="s">
        <v>788</v>
      </c>
      <c r="C31" s="7">
        <v>347606200</v>
      </c>
      <c r="D31" s="7">
        <v>347606200</v>
      </c>
      <c r="E31" s="7">
        <v>329995668.16000003</v>
      </c>
      <c r="F31" s="7">
        <v>94.93</v>
      </c>
    </row>
    <row r="32" spans="1:6" x14ac:dyDescent="0.25">
      <c r="A32" s="2" t="s">
        <v>57</v>
      </c>
      <c r="B32" s="4" t="s">
        <v>789</v>
      </c>
      <c r="C32" s="7">
        <v>26431600</v>
      </c>
      <c r="D32" s="7">
        <v>26431600</v>
      </c>
      <c r="E32" s="7">
        <v>21581018.760000002</v>
      </c>
      <c r="F32" s="7">
        <v>81.650000000000006</v>
      </c>
    </row>
    <row r="33" spans="1:6" x14ac:dyDescent="0.25">
      <c r="A33" s="3" t="s">
        <v>59</v>
      </c>
      <c r="B33" s="5" t="s">
        <v>790</v>
      </c>
      <c r="C33" s="6">
        <v>9452702000</v>
      </c>
      <c r="D33" s="6">
        <v>9452702000</v>
      </c>
      <c r="E33" s="6">
        <v>7816802898.0799999</v>
      </c>
      <c r="F33" s="6">
        <v>82.69</v>
      </c>
    </row>
    <row r="35" spans="1:6" x14ac:dyDescent="0.25">
      <c r="A35" s="8" t="s">
        <v>6</v>
      </c>
      <c r="B35" s="8" t="s">
        <v>791</v>
      </c>
      <c r="C35" s="8" t="s">
        <v>9</v>
      </c>
      <c r="D35" s="8" t="s">
        <v>10</v>
      </c>
      <c r="E35" s="8" t="s">
        <v>11</v>
      </c>
      <c r="F35" s="8" t="s">
        <v>11</v>
      </c>
    </row>
    <row r="36" spans="1:6" ht="21" x14ac:dyDescent="0.25">
      <c r="A36" s="8" t="s">
        <v>7</v>
      </c>
      <c r="B36" s="8" t="s">
        <v>7</v>
      </c>
      <c r="C36" s="8" t="s">
        <v>7</v>
      </c>
      <c r="D36" s="8" t="s">
        <v>7</v>
      </c>
      <c r="E36" s="1" t="s">
        <v>371</v>
      </c>
      <c r="F36" s="1" t="s">
        <v>768</v>
      </c>
    </row>
    <row r="37" spans="1:6" x14ac:dyDescent="0.25">
      <c r="A37" s="2" t="s">
        <v>61</v>
      </c>
      <c r="B37" s="4" t="s">
        <v>792</v>
      </c>
      <c r="C37" s="7">
        <v>0</v>
      </c>
      <c r="D37" s="7">
        <v>0</v>
      </c>
      <c r="E37" s="7">
        <v>0</v>
      </c>
      <c r="F37" s="7">
        <v>0</v>
      </c>
    </row>
    <row r="38" spans="1:6" x14ac:dyDescent="0.25">
      <c r="A38" s="3" t="s">
        <v>63</v>
      </c>
      <c r="B38" s="5" t="s">
        <v>793</v>
      </c>
      <c r="C38" s="6">
        <v>95264200</v>
      </c>
      <c r="D38" s="6">
        <v>105264200</v>
      </c>
      <c r="E38" s="6">
        <v>80810918.170000002</v>
      </c>
      <c r="F38" s="6">
        <v>76.77</v>
      </c>
    </row>
    <row r="39" spans="1:6" x14ac:dyDescent="0.25">
      <c r="A39" s="2" t="s">
        <v>65</v>
      </c>
      <c r="B39" s="4" t="s">
        <v>794</v>
      </c>
      <c r="C39" s="7">
        <v>66835100</v>
      </c>
      <c r="D39" s="7">
        <v>66835100</v>
      </c>
      <c r="E39" s="7">
        <v>61635672.539999999</v>
      </c>
      <c r="F39" s="7">
        <v>92.22</v>
      </c>
    </row>
    <row r="40" spans="1:6" x14ac:dyDescent="0.25">
      <c r="A40" s="2" t="s">
        <v>67</v>
      </c>
      <c r="B40" s="4" t="s">
        <v>795</v>
      </c>
      <c r="C40" s="7">
        <v>1000</v>
      </c>
      <c r="D40" s="7">
        <v>1000</v>
      </c>
      <c r="E40" s="7">
        <v>88163.28</v>
      </c>
      <c r="F40" s="7">
        <v>8816.33</v>
      </c>
    </row>
    <row r="41" spans="1:6" x14ac:dyDescent="0.25">
      <c r="A41" s="2" t="s">
        <v>69</v>
      </c>
      <c r="B41" s="4" t="s">
        <v>796</v>
      </c>
      <c r="C41" s="7">
        <v>10000000</v>
      </c>
      <c r="D41" s="7">
        <v>20000000</v>
      </c>
      <c r="E41" s="7">
        <v>18778790.789999999</v>
      </c>
      <c r="F41" s="7">
        <v>93.89</v>
      </c>
    </row>
    <row r="42" spans="1:6" x14ac:dyDescent="0.25">
      <c r="A42" s="2" t="s">
        <v>71</v>
      </c>
      <c r="B42" s="4" t="s">
        <v>797</v>
      </c>
      <c r="C42" s="7">
        <v>20000</v>
      </c>
      <c r="D42" s="7">
        <v>20000</v>
      </c>
      <c r="E42" s="7">
        <v>0</v>
      </c>
      <c r="F42" s="7">
        <v>0</v>
      </c>
    </row>
    <row r="43" spans="1:6" x14ac:dyDescent="0.25">
      <c r="A43" s="2" t="s">
        <v>73</v>
      </c>
      <c r="B43" s="4" t="s">
        <v>798</v>
      </c>
      <c r="C43" s="7">
        <v>15070000</v>
      </c>
      <c r="D43" s="7">
        <v>15070000</v>
      </c>
      <c r="E43" s="7">
        <v>0</v>
      </c>
      <c r="F43" s="7">
        <v>0</v>
      </c>
    </row>
    <row r="44" spans="1:6" x14ac:dyDescent="0.25">
      <c r="A44" s="2" t="s">
        <v>75</v>
      </c>
      <c r="B44" s="4" t="s">
        <v>799</v>
      </c>
      <c r="C44" s="7">
        <v>3338100</v>
      </c>
      <c r="D44" s="7">
        <v>3338100</v>
      </c>
      <c r="E44" s="7">
        <v>308291.56</v>
      </c>
      <c r="F44" s="7">
        <v>9.24</v>
      </c>
    </row>
    <row r="45" spans="1:6" x14ac:dyDescent="0.25">
      <c r="A45" s="3" t="s">
        <v>77</v>
      </c>
      <c r="B45" s="5" t="s">
        <v>800</v>
      </c>
      <c r="C45" s="6">
        <v>39570900</v>
      </c>
      <c r="D45" s="6">
        <v>53570900</v>
      </c>
      <c r="E45" s="6">
        <v>10961843.699999999</v>
      </c>
      <c r="F45" s="6">
        <v>20.46</v>
      </c>
    </row>
    <row r="46" spans="1:6" x14ac:dyDescent="0.25">
      <c r="A46" s="2" t="s">
        <v>79</v>
      </c>
      <c r="B46" s="4" t="s">
        <v>801</v>
      </c>
      <c r="C46" s="7">
        <v>39570900</v>
      </c>
      <c r="D46" s="7">
        <v>53570900</v>
      </c>
      <c r="E46" s="7">
        <v>10961843.699999999</v>
      </c>
      <c r="F46" s="7">
        <v>20.46</v>
      </c>
    </row>
    <row r="47" spans="1:6" x14ac:dyDescent="0.25">
      <c r="A47" s="2" t="s">
        <v>81</v>
      </c>
      <c r="B47" s="4" t="s">
        <v>802</v>
      </c>
      <c r="C47" s="7">
        <v>0</v>
      </c>
      <c r="D47" s="7">
        <v>0</v>
      </c>
      <c r="E47" s="7">
        <v>0</v>
      </c>
      <c r="F47" s="7">
        <v>0</v>
      </c>
    </row>
    <row r="48" spans="1:6" x14ac:dyDescent="0.25">
      <c r="A48" s="2" t="s">
        <v>83</v>
      </c>
      <c r="B48" s="4" t="s">
        <v>803</v>
      </c>
      <c r="C48" s="7">
        <v>0</v>
      </c>
      <c r="D48" s="7">
        <v>0</v>
      </c>
      <c r="E48" s="7">
        <v>0</v>
      </c>
      <c r="F48" s="7">
        <v>0</v>
      </c>
    </row>
    <row r="49" spans="1:6" x14ac:dyDescent="0.25">
      <c r="A49" s="2" t="s">
        <v>85</v>
      </c>
      <c r="B49" s="4" t="s">
        <v>804</v>
      </c>
      <c r="C49" s="7">
        <v>0</v>
      </c>
      <c r="D49" s="7">
        <v>0</v>
      </c>
      <c r="E49" s="7">
        <v>0</v>
      </c>
      <c r="F49" s="7">
        <v>0</v>
      </c>
    </row>
    <row r="50" spans="1:6" x14ac:dyDescent="0.25">
      <c r="A50" s="3" t="s">
        <v>87</v>
      </c>
      <c r="B50" s="5" t="s">
        <v>805</v>
      </c>
      <c r="C50" s="6">
        <v>134835100</v>
      </c>
      <c r="D50" s="6">
        <v>158835100</v>
      </c>
      <c r="E50" s="6">
        <v>91772761.870000005</v>
      </c>
      <c r="F50" s="6">
        <v>57.78</v>
      </c>
    </row>
    <row r="52" spans="1:6" x14ac:dyDescent="0.25">
      <c r="A52" s="8" t="s">
        <v>6</v>
      </c>
      <c r="B52" s="8" t="s">
        <v>806</v>
      </c>
      <c r="C52" s="8" t="s">
        <v>9</v>
      </c>
      <c r="D52" s="8" t="s">
        <v>10</v>
      </c>
      <c r="E52" s="8" t="s">
        <v>11</v>
      </c>
      <c r="F52" s="8" t="s">
        <v>11</v>
      </c>
    </row>
    <row r="53" spans="1:6" ht="21" x14ac:dyDescent="0.25">
      <c r="A53" s="8" t="s">
        <v>7</v>
      </c>
      <c r="B53" s="8" t="s">
        <v>7</v>
      </c>
      <c r="C53" s="8" t="s">
        <v>7</v>
      </c>
      <c r="D53" s="8" t="s">
        <v>7</v>
      </c>
      <c r="E53" s="1" t="s">
        <v>371</v>
      </c>
      <c r="F53" s="1" t="s">
        <v>768</v>
      </c>
    </row>
    <row r="54" spans="1:6" x14ac:dyDescent="0.25">
      <c r="A54" s="3" t="s">
        <v>89</v>
      </c>
      <c r="B54" s="5" t="s">
        <v>807</v>
      </c>
      <c r="C54" s="6">
        <v>1705883700</v>
      </c>
      <c r="D54" s="6">
        <v>1705883700</v>
      </c>
      <c r="E54" s="6">
        <v>1422502028.99</v>
      </c>
      <c r="F54" s="6">
        <v>83.39</v>
      </c>
    </row>
    <row r="55" spans="1:6" x14ac:dyDescent="0.25">
      <c r="A55" s="2" t="s">
        <v>91</v>
      </c>
      <c r="B55" s="4" t="s">
        <v>808</v>
      </c>
      <c r="C55" s="7">
        <v>1339349900</v>
      </c>
      <c r="D55" s="7">
        <v>1339349900</v>
      </c>
      <c r="E55" s="7">
        <v>1102199464.46</v>
      </c>
      <c r="F55" s="7">
        <v>82.29</v>
      </c>
    </row>
    <row r="56" spans="1:6" x14ac:dyDescent="0.25">
      <c r="A56" s="2" t="s">
        <v>93</v>
      </c>
      <c r="B56" s="4" t="s">
        <v>809</v>
      </c>
      <c r="C56" s="7">
        <v>28462400</v>
      </c>
      <c r="D56" s="7">
        <v>28462400</v>
      </c>
      <c r="E56" s="7">
        <v>26606469.030000001</v>
      </c>
      <c r="F56" s="7">
        <v>93.48</v>
      </c>
    </row>
    <row r="57" spans="1:6" x14ac:dyDescent="0.25">
      <c r="A57" s="2" t="s">
        <v>95</v>
      </c>
      <c r="B57" s="4" t="s">
        <v>810</v>
      </c>
      <c r="C57" s="7">
        <v>69521200</v>
      </c>
      <c r="D57" s="7">
        <v>69521200</v>
      </c>
      <c r="E57" s="7">
        <v>65987970.979999997</v>
      </c>
      <c r="F57" s="7">
        <v>94.92</v>
      </c>
    </row>
    <row r="58" spans="1:6" x14ac:dyDescent="0.25">
      <c r="A58" s="2" t="s">
        <v>97</v>
      </c>
      <c r="B58" s="4" t="s">
        <v>811</v>
      </c>
      <c r="C58" s="7">
        <v>243761600</v>
      </c>
      <c r="D58" s="7">
        <v>243761600</v>
      </c>
      <c r="E58" s="7">
        <v>214759513.41</v>
      </c>
      <c r="F58" s="7">
        <v>88.1</v>
      </c>
    </row>
    <row r="59" spans="1:6" x14ac:dyDescent="0.25">
      <c r="A59" s="2" t="s">
        <v>99</v>
      </c>
      <c r="B59" s="4" t="s">
        <v>812</v>
      </c>
      <c r="C59" s="7">
        <v>3643400</v>
      </c>
      <c r="D59" s="7">
        <v>3643400</v>
      </c>
      <c r="E59" s="7">
        <v>0</v>
      </c>
      <c r="F59" s="7">
        <v>0</v>
      </c>
    </row>
    <row r="60" spans="1:6" x14ac:dyDescent="0.25">
      <c r="A60" s="2" t="s">
        <v>101</v>
      </c>
      <c r="B60" s="4" t="s">
        <v>813</v>
      </c>
      <c r="C60" s="7">
        <v>21145200</v>
      </c>
      <c r="D60" s="7">
        <v>21145200</v>
      </c>
      <c r="E60" s="7">
        <v>12948611.109999999</v>
      </c>
      <c r="F60" s="7">
        <v>61.24</v>
      </c>
    </row>
    <row r="61" spans="1:6" x14ac:dyDescent="0.25">
      <c r="A61" s="3" t="s">
        <v>103</v>
      </c>
      <c r="B61" s="5" t="s">
        <v>814</v>
      </c>
      <c r="C61" s="6">
        <v>1153811400</v>
      </c>
      <c r="D61" s="6">
        <v>1153811400</v>
      </c>
      <c r="E61" s="6">
        <v>914896355.07000005</v>
      </c>
      <c r="F61" s="6">
        <v>79.290000000000006</v>
      </c>
    </row>
    <row r="62" spans="1:6" x14ac:dyDescent="0.25">
      <c r="A62" s="2" t="s">
        <v>105</v>
      </c>
      <c r="B62" s="4" t="s">
        <v>815</v>
      </c>
      <c r="C62" s="7">
        <v>1153811400</v>
      </c>
      <c r="D62" s="7">
        <v>1153811400</v>
      </c>
      <c r="E62" s="7">
        <v>913247074.58000004</v>
      </c>
      <c r="F62" s="7">
        <v>79.150000000000006</v>
      </c>
    </row>
    <row r="63" spans="1:6" x14ac:dyDescent="0.25">
      <c r="A63" s="2" t="s">
        <v>107</v>
      </c>
      <c r="B63" s="4" t="s">
        <v>816</v>
      </c>
      <c r="C63" s="7">
        <v>0</v>
      </c>
      <c r="D63" s="7">
        <v>0</v>
      </c>
      <c r="E63" s="7">
        <v>0</v>
      </c>
      <c r="F63" s="7">
        <v>0</v>
      </c>
    </row>
    <row r="64" spans="1:6" x14ac:dyDescent="0.25">
      <c r="A64" s="2" t="s">
        <v>109</v>
      </c>
      <c r="B64" s="4" t="s">
        <v>817</v>
      </c>
      <c r="C64" s="7">
        <v>0</v>
      </c>
      <c r="D64" s="7">
        <v>0</v>
      </c>
      <c r="E64" s="7">
        <v>1649280.49</v>
      </c>
      <c r="F64" s="7">
        <v>0</v>
      </c>
    </row>
    <row r="65" spans="1:8" x14ac:dyDescent="0.25">
      <c r="A65" s="2" t="s">
        <v>111</v>
      </c>
      <c r="B65" s="4" t="s">
        <v>818</v>
      </c>
      <c r="C65" s="7">
        <v>-552072300</v>
      </c>
      <c r="D65" s="7">
        <v>-552072300</v>
      </c>
      <c r="E65" s="7">
        <v>-509254954.41000003</v>
      </c>
      <c r="F65" s="7">
        <v>92.24</v>
      </c>
    </row>
    <row r="67" spans="1:8" x14ac:dyDescent="0.25">
      <c r="A67" s="8" t="s">
        <v>6</v>
      </c>
      <c r="B67" s="8" t="s">
        <v>819</v>
      </c>
      <c r="C67" s="8" t="s">
        <v>682</v>
      </c>
    </row>
    <row r="68" spans="1:8" x14ac:dyDescent="0.25">
      <c r="A68" s="8" t="s">
        <v>7</v>
      </c>
      <c r="B68" s="8" t="s">
        <v>7</v>
      </c>
      <c r="C68" s="8" t="s">
        <v>7</v>
      </c>
    </row>
    <row r="69" spans="1:8" x14ac:dyDescent="0.25">
      <c r="A69" s="2" t="s">
        <v>113</v>
      </c>
      <c r="B69" s="4" t="s">
        <v>820</v>
      </c>
      <c r="C69" s="7">
        <v>0</v>
      </c>
    </row>
    <row r="70" spans="1:8" x14ac:dyDescent="0.25">
      <c r="A70" s="2" t="s">
        <v>115</v>
      </c>
      <c r="B70" s="4" t="s">
        <v>821</v>
      </c>
      <c r="C70" s="7">
        <v>-509254954.41000003</v>
      </c>
    </row>
    <row r="72" spans="1:8" x14ac:dyDescent="0.25">
      <c r="A72" s="8" t="s">
        <v>6</v>
      </c>
      <c r="B72" s="8" t="s">
        <v>822</v>
      </c>
      <c r="C72" s="8" t="s">
        <v>369</v>
      </c>
      <c r="D72" s="8" t="s">
        <v>823</v>
      </c>
      <c r="E72" s="8" t="s">
        <v>168</v>
      </c>
      <c r="F72" s="8" t="s">
        <v>7</v>
      </c>
      <c r="G72" s="8" t="s">
        <v>172</v>
      </c>
      <c r="H72" s="8" t="s">
        <v>172</v>
      </c>
    </row>
    <row r="73" spans="1:8" ht="21" x14ac:dyDescent="0.25">
      <c r="A73" s="8" t="s">
        <v>7</v>
      </c>
      <c r="B73" s="8" t="s">
        <v>7</v>
      </c>
      <c r="C73" s="8" t="s">
        <v>7</v>
      </c>
      <c r="D73" s="8" t="s">
        <v>7</v>
      </c>
      <c r="E73" s="1" t="s">
        <v>824</v>
      </c>
      <c r="F73" s="1" t="s">
        <v>825</v>
      </c>
      <c r="G73" s="1" t="s">
        <v>826</v>
      </c>
      <c r="H73" s="1" t="s">
        <v>827</v>
      </c>
    </row>
    <row r="74" spans="1:8" x14ac:dyDescent="0.25">
      <c r="A74" s="3" t="s">
        <v>117</v>
      </c>
      <c r="B74" s="5" t="s">
        <v>828</v>
      </c>
      <c r="C74" s="6">
        <v>1133811400</v>
      </c>
      <c r="D74" s="6">
        <v>1129511400</v>
      </c>
      <c r="E74" s="6">
        <v>974789469.38</v>
      </c>
      <c r="F74" s="6">
        <v>86.3</v>
      </c>
      <c r="G74" s="6">
        <v>974432683.13999999</v>
      </c>
      <c r="H74" s="6">
        <v>86.27</v>
      </c>
    </row>
    <row r="75" spans="1:8" x14ac:dyDescent="0.25">
      <c r="A75" s="2" t="s">
        <v>119</v>
      </c>
      <c r="B75" s="4" t="s">
        <v>829</v>
      </c>
      <c r="C75" s="7">
        <v>680286840</v>
      </c>
      <c r="D75" s="7">
        <v>677706840</v>
      </c>
      <c r="E75" s="7">
        <v>584873681.63</v>
      </c>
      <c r="F75" s="7">
        <v>86.3</v>
      </c>
      <c r="G75" s="7">
        <v>584659609.88</v>
      </c>
      <c r="H75" s="7">
        <v>86.27</v>
      </c>
    </row>
    <row r="76" spans="1:8" x14ac:dyDescent="0.25">
      <c r="A76" s="2" t="s">
        <v>120</v>
      </c>
      <c r="B76" s="4" t="s">
        <v>830</v>
      </c>
      <c r="C76" s="7">
        <v>453524560</v>
      </c>
      <c r="D76" s="7">
        <v>451804560</v>
      </c>
      <c r="E76" s="7">
        <v>389915787.75</v>
      </c>
      <c r="F76" s="7">
        <v>86.3</v>
      </c>
      <c r="G76" s="7">
        <v>389773073.25999999</v>
      </c>
      <c r="H76" s="7">
        <v>86.27</v>
      </c>
    </row>
    <row r="77" spans="1:8" x14ac:dyDescent="0.25">
      <c r="A77" s="3" t="s">
        <v>121</v>
      </c>
      <c r="B77" s="5" t="s">
        <v>831</v>
      </c>
      <c r="C77" s="6">
        <v>20000000</v>
      </c>
      <c r="D77" s="6">
        <v>24300000</v>
      </c>
      <c r="E77" s="6">
        <v>12375108.199999999</v>
      </c>
      <c r="F77" s="6">
        <v>50.93</v>
      </c>
      <c r="G77" s="6">
        <v>12312082.140000001</v>
      </c>
      <c r="H77" s="6">
        <v>50.67</v>
      </c>
    </row>
    <row r="78" spans="1:8" x14ac:dyDescent="0.25">
      <c r="A78" s="2" t="s">
        <v>122</v>
      </c>
      <c r="B78" s="4" t="s">
        <v>832</v>
      </c>
      <c r="C78" s="7">
        <v>20000000</v>
      </c>
      <c r="D78" s="7">
        <v>24300000</v>
      </c>
      <c r="E78" s="7">
        <v>12375108.199999999</v>
      </c>
      <c r="F78" s="7">
        <v>50.93</v>
      </c>
      <c r="G78" s="7">
        <v>12312082.140000001</v>
      </c>
      <c r="H78" s="7">
        <v>50.67</v>
      </c>
    </row>
    <row r="79" spans="1:8" x14ac:dyDescent="0.25">
      <c r="A79" s="2" t="s">
        <v>123</v>
      </c>
      <c r="B79" s="4" t="s">
        <v>833</v>
      </c>
      <c r="C79" s="7">
        <v>0</v>
      </c>
      <c r="D79" s="7">
        <v>0</v>
      </c>
      <c r="E79" s="7">
        <v>0</v>
      </c>
      <c r="F79" s="7">
        <v>0</v>
      </c>
      <c r="G79" s="7">
        <v>0</v>
      </c>
      <c r="H79" s="7">
        <v>0</v>
      </c>
    </row>
    <row r="80" spans="1:8" x14ac:dyDescent="0.25">
      <c r="A80" s="3" t="s">
        <v>124</v>
      </c>
      <c r="B80" s="5" t="s">
        <v>834</v>
      </c>
      <c r="C80" s="6">
        <v>1153811400</v>
      </c>
      <c r="D80" s="6">
        <v>1153811400</v>
      </c>
      <c r="E80" s="6">
        <v>987164577.58000004</v>
      </c>
      <c r="F80" s="6">
        <v>85.56</v>
      </c>
      <c r="G80" s="6">
        <v>986744765.27999997</v>
      </c>
      <c r="H80" s="6">
        <v>85.52</v>
      </c>
    </row>
    <row r="82" spans="1:3" x14ac:dyDescent="0.25">
      <c r="A82" s="8" t="s">
        <v>6</v>
      </c>
      <c r="B82" s="8" t="s">
        <v>835</v>
      </c>
      <c r="C82" s="8" t="s">
        <v>682</v>
      </c>
    </row>
    <row r="83" spans="1:3" x14ac:dyDescent="0.25">
      <c r="A83" s="8" t="s">
        <v>7</v>
      </c>
      <c r="B83" s="8" t="s">
        <v>7</v>
      </c>
      <c r="C83" s="8" t="s">
        <v>7</v>
      </c>
    </row>
    <row r="84" spans="1:3" x14ac:dyDescent="0.25">
      <c r="A84" s="3" t="s">
        <v>125</v>
      </c>
      <c r="B84" s="5" t="s">
        <v>836</v>
      </c>
      <c r="C84" s="6">
        <v>0</v>
      </c>
    </row>
    <row r="85" spans="1:3" x14ac:dyDescent="0.25">
      <c r="A85" s="2" t="s">
        <v>126</v>
      </c>
      <c r="B85" s="4" t="s">
        <v>837</v>
      </c>
      <c r="C85" s="7">
        <v>0</v>
      </c>
    </row>
    <row r="86" spans="1:3" x14ac:dyDescent="0.25">
      <c r="A86" s="2" t="s">
        <v>127</v>
      </c>
      <c r="B86" s="4" t="s">
        <v>838</v>
      </c>
      <c r="C86" s="7">
        <v>0</v>
      </c>
    </row>
    <row r="87" spans="1:3" x14ac:dyDescent="0.25">
      <c r="A87" s="3" t="s">
        <v>129</v>
      </c>
      <c r="B87" s="5" t="s">
        <v>839</v>
      </c>
      <c r="C87" s="6">
        <v>0</v>
      </c>
    </row>
    <row r="88" spans="1:3" x14ac:dyDescent="0.25">
      <c r="A88" s="2" t="s">
        <v>131</v>
      </c>
      <c r="B88" s="4" t="s">
        <v>840</v>
      </c>
      <c r="C88" s="7">
        <v>0</v>
      </c>
    </row>
    <row r="89" spans="1:3" x14ac:dyDescent="0.25">
      <c r="A89" s="2" t="s">
        <v>133</v>
      </c>
      <c r="B89" s="4" t="s">
        <v>841</v>
      </c>
      <c r="C89" s="7">
        <v>0</v>
      </c>
    </row>
    <row r="90" spans="1:3" x14ac:dyDescent="0.25">
      <c r="A90" s="3" t="s">
        <v>135</v>
      </c>
      <c r="B90" s="5" t="s">
        <v>842</v>
      </c>
      <c r="C90" s="6">
        <v>0</v>
      </c>
    </row>
    <row r="92" spans="1:3" x14ac:dyDescent="0.25">
      <c r="A92" s="8" t="s">
        <v>6</v>
      </c>
      <c r="B92" s="8" t="s">
        <v>843</v>
      </c>
      <c r="C92" s="8" t="s">
        <v>682</v>
      </c>
    </row>
    <row r="93" spans="1:3" x14ac:dyDescent="0.25">
      <c r="A93" s="8" t="s">
        <v>7</v>
      </c>
      <c r="B93" s="8" t="s">
        <v>7</v>
      </c>
      <c r="C93" s="8" t="s">
        <v>7</v>
      </c>
    </row>
    <row r="94" spans="1:3" x14ac:dyDescent="0.25">
      <c r="A94" s="2" t="s">
        <v>137</v>
      </c>
      <c r="B94" s="4" t="s">
        <v>844</v>
      </c>
      <c r="C94" s="7">
        <v>986744765.27999997</v>
      </c>
    </row>
    <row r="95" spans="1:3" x14ac:dyDescent="0.25">
      <c r="A95" s="2" t="s">
        <v>139</v>
      </c>
      <c r="B95" s="4" t="s">
        <v>845</v>
      </c>
      <c r="C95" s="7">
        <v>106.51</v>
      </c>
    </row>
    <row r="96" spans="1:3" x14ac:dyDescent="0.25">
      <c r="A96" s="2" t="s">
        <v>141</v>
      </c>
      <c r="B96" s="4" t="s">
        <v>846</v>
      </c>
      <c r="C96" s="7">
        <v>1.35</v>
      </c>
    </row>
    <row r="97" spans="1:8" x14ac:dyDescent="0.25">
      <c r="A97" s="2" t="s">
        <v>143</v>
      </c>
      <c r="B97" s="4" t="s">
        <v>847</v>
      </c>
      <c r="C97" s="7">
        <v>-7.86</v>
      </c>
    </row>
    <row r="99" spans="1:8" x14ac:dyDescent="0.25">
      <c r="A99" s="8" t="s">
        <v>6</v>
      </c>
      <c r="B99" s="8" t="s">
        <v>848</v>
      </c>
      <c r="C99" s="8" t="s">
        <v>682</v>
      </c>
    </row>
    <row r="100" spans="1:8" x14ac:dyDescent="0.25">
      <c r="A100" s="8" t="s">
        <v>7</v>
      </c>
      <c r="B100" s="8" t="s">
        <v>7</v>
      </c>
      <c r="C100" s="8" t="s">
        <v>7</v>
      </c>
    </row>
    <row r="101" spans="1:8" x14ac:dyDescent="0.25">
      <c r="A101" s="2" t="s">
        <v>145</v>
      </c>
      <c r="B101" s="4" t="s">
        <v>849</v>
      </c>
      <c r="C101" s="7">
        <v>0</v>
      </c>
    </row>
    <row r="102" spans="1:8" x14ac:dyDescent="0.25">
      <c r="A102" s="2" t="s">
        <v>147</v>
      </c>
      <c r="B102" s="4" t="s">
        <v>850</v>
      </c>
      <c r="C102" s="7">
        <v>0</v>
      </c>
    </row>
    <row r="104" spans="1:8" x14ac:dyDescent="0.25">
      <c r="A104" s="8" t="s">
        <v>6</v>
      </c>
      <c r="B104" s="8" t="s">
        <v>851</v>
      </c>
      <c r="C104" s="8" t="s">
        <v>369</v>
      </c>
      <c r="D104" s="8" t="s">
        <v>823</v>
      </c>
      <c r="E104" s="8" t="s">
        <v>168</v>
      </c>
      <c r="F104" s="8" t="s">
        <v>7</v>
      </c>
      <c r="G104" s="8" t="s">
        <v>172</v>
      </c>
      <c r="H104" s="8" t="s">
        <v>172</v>
      </c>
    </row>
    <row r="105" spans="1:8" ht="21" x14ac:dyDescent="0.25">
      <c r="A105" s="8" t="s">
        <v>7</v>
      </c>
      <c r="B105" s="8" t="s">
        <v>7</v>
      </c>
      <c r="C105" s="8" t="s">
        <v>7</v>
      </c>
      <c r="D105" s="8" t="s">
        <v>7</v>
      </c>
      <c r="E105" s="1" t="s">
        <v>824</v>
      </c>
      <c r="F105" s="1" t="s">
        <v>825</v>
      </c>
      <c r="G105" s="1" t="s">
        <v>826</v>
      </c>
      <c r="H105" s="1" t="s">
        <v>827</v>
      </c>
    </row>
    <row r="106" spans="1:8" x14ac:dyDescent="0.25">
      <c r="A106" s="3" t="s">
        <v>149</v>
      </c>
      <c r="B106" s="5" t="s">
        <v>852</v>
      </c>
      <c r="C106" s="6">
        <v>500000</v>
      </c>
      <c r="D106" s="6">
        <v>500000</v>
      </c>
      <c r="E106" s="6">
        <v>0</v>
      </c>
      <c r="F106" s="6">
        <v>0</v>
      </c>
      <c r="G106" s="6">
        <v>0</v>
      </c>
      <c r="H106" s="6">
        <v>0</v>
      </c>
    </row>
    <row r="107" spans="1:8" x14ac:dyDescent="0.25">
      <c r="A107" s="2" t="s">
        <v>151</v>
      </c>
      <c r="B107" s="4" t="s">
        <v>853</v>
      </c>
      <c r="C107" s="7">
        <v>500000</v>
      </c>
      <c r="D107" s="7">
        <v>500000</v>
      </c>
      <c r="E107" s="7">
        <v>0</v>
      </c>
      <c r="F107" s="7">
        <v>0</v>
      </c>
      <c r="G107" s="7">
        <v>0</v>
      </c>
      <c r="H107" s="7">
        <v>0</v>
      </c>
    </row>
    <row r="108" spans="1:8" x14ac:dyDescent="0.25">
      <c r="A108" s="2" t="s">
        <v>152</v>
      </c>
      <c r="B108" s="4" t="s">
        <v>854</v>
      </c>
      <c r="C108" s="7">
        <v>0</v>
      </c>
      <c r="D108" s="7">
        <v>0</v>
      </c>
      <c r="E108" s="7">
        <v>0</v>
      </c>
      <c r="F108" s="7">
        <v>0</v>
      </c>
      <c r="G108" s="7">
        <v>0</v>
      </c>
      <c r="H108" s="7">
        <v>0</v>
      </c>
    </row>
    <row r="109" spans="1:8" x14ac:dyDescent="0.25">
      <c r="A109" s="3" t="s">
        <v>153</v>
      </c>
      <c r="B109" s="5" t="s">
        <v>855</v>
      </c>
      <c r="C109" s="6">
        <v>719471840</v>
      </c>
      <c r="D109" s="6">
        <v>721191840</v>
      </c>
      <c r="E109" s="6">
        <v>597496737.61000001</v>
      </c>
      <c r="F109" s="6">
        <v>82.85</v>
      </c>
      <c r="G109" s="6">
        <v>597219639.79999995</v>
      </c>
      <c r="H109" s="6">
        <v>82.81</v>
      </c>
    </row>
    <row r="110" spans="1:8" x14ac:dyDescent="0.25">
      <c r="A110" s="2" t="s">
        <v>155</v>
      </c>
      <c r="B110" s="4" t="s">
        <v>856</v>
      </c>
      <c r="C110" s="7">
        <v>700286840</v>
      </c>
      <c r="D110" s="7">
        <v>702006840</v>
      </c>
      <c r="E110" s="7">
        <v>597248789.83000004</v>
      </c>
      <c r="F110" s="7">
        <v>85.08</v>
      </c>
      <c r="G110" s="7">
        <v>596971692.01999998</v>
      </c>
      <c r="H110" s="7">
        <v>85.04</v>
      </c>
    </row>
    <row r="111" spans="1:8" x14ac:dyDescent="0.25">
      <c r="A111" s="2" t="s">
        <v>157</v>
      </c>
      <c r="B111" s="4" t="s">
        <v>857</v>
      </c>
      <c r="C111" s="7">
        <v>19185000</v>
      </c>
      <c r="D111" s="7">
        <v>19185000</v>
      </c>
      <c r="E111" s="7">
        <v>247947.78</v>
      </c>
      <c r="F111" s="7">
        <v>1.29</v>
      </c>
      <c r="G111" s="7">
        <v>247947.78</v>
      </c>
      <c r="H111" s="7">
        <v>1.29</v>
      </c>
    </row>
    <row r="112" spans="1:8" x14ac:dyDescent="0.25">
      <c r="A112" s="3" t="s">
        <v>159</v>
      </c>
      <c r="B112" s="5" t="s">
        <v>858</v>
      </c>
      <c r="C112" s="6">
        <v>470807560</v>
      </c>
      <c r="D112" s="6">
        <v>468887560</v>
      </c>
      <c r="E112" s="6">
        <v>398554893.75</v>
      </c>
      <c r="F112" s="6">
        <v>85</v>
      </c>
      <c r="G112" s="6">
        <v>394748857.25999999</v>
      </c>
      <c r="H112" s="6">
        <v>84.19</v>
      </c>
    </row>
    <row r="113" spans="1:8" x14ac:dyDescent="0.25">
      <c r="A113" s="2" t="s">
        <v>161</v>
      </c>
      <c r="B113" s="4" t="s">
        <v>859</v>
      </c>
      <c r="C113" s="7">
        <v>453524560</v>
      </c>
      <c r="D113" s="7">
        <v>451804560</v>
      </c>
      <c r="E113" s="7">
        <v>389915787.75</v>
      </c>
      <c r="F113" s="7">
        <v>86.3</v>
      </c>
      <c r="G113" s="7">
        <v>389773073.25999999</v>
      </c>
      <c r="H113" s="7">
        <v>86.27</v>
      </c>
    </row>
    <row r="114" spans="1:8" x14ac:dyDescent="0.25">
      <c r="A114" s="2" t="s">
        <v>163</v>
      </c>
      <c r="B114" s="4" t="s">
        <v>860</v>
      </c>
      <c r="C114" s="7">
        <v>17283000</v>
      </c>
      <c r="D114" s="7">
        <v>17083000</v>
      </c>
      <c r="E114" s="7">
        <v>8639106</v>
      </c>
      <c r="F114" s="7">
        <v>50.57</v>
      </c>
      <c r="G114" s="7">
        <v>4975784</v>
      </c>
      <c r="H114" s="7">
        <v>29.13</v>
      </c>
    </row>
    <row r="115" spans="1:8" x14ac:dyDescent="0.25">
      <c r="A115" s="2" t="s">
        <v>176</v>
      </c>
      <c r="B115" s="4" t="s">
        <v>861</v>
      </c>
      <c r="C115" s="7">
        <v>7344600</v>
      </c>
      <c r="D115" s="7">
        <v>7514600</v>
      </c>
      <c r="E115" s="7">
        <v>4590892.51</v>
      </c>
      <c r="F115" s="7">
        <v>61.09</v>
      </c>
      <c r="G115" s="7">
        <v>3466799.09</v>
      </c>
      <c r="H115" s="7">
        <v>46.13</v>
      </c>
    </row>
    <row r="116" spans="1:8" x14ac:dyDescent="0.25">
      <c r="A116" s="2" t="s">
        <v>178</v>
      </c>
      <c r="B116" s="4" t="s">
        <v>862</v>
      </c>
      <c r="C116" s="7">
        <v>4089000</v>
      </c>
      <c r="D116" s="7">
        <v>4089000</v>
      </c>
      <c r="E116" s="7">
        <v>793976.12</v>
      </c>
      <c r="F116" s="7">
        <v>19.420000000000002</v>
      </c>
      <c r="G116" s="7">
        <v>319959.78000000003</v>
      </c>
      <c r="H116" s="7">
        <v>7.82</v>
      </c>
    </row>
    <row r="117" spans="1:8" x14ac:dyDescent="0.25">
      <c r="A117" s="2" t="s">
        <v>180</v>
      </c>
      <c r="B117" s="4" t="s">
        <v>863</v>
      </c>
      <c r="C117" s="7">
        <v>916256100</v>
      </c>
      <c r="D117" s="7">
        <v>1371166722.3900001</v>
      </c>
      <c r="E117" s="7">
        <v>1193285353.9400001</v>
      </c>
      <c r="F117" s="7">
        <v>87.03</v>
      </c>
      <c r="G117" s="7">
        <v>1175105231.52</v>
      </c>
      <c r="H117" s="7">
        <v>85.7</v>
      </c>
    </row>
    <row r="118" spans="1:8" x14ac:dyDescent="0.25">
      <c r="A118" s="3" t="s">
        <v>182</v>
      </c>
      <c r="B118" s="5" t="s">
        <v>864</v>
      </c>
      <c r="C118" s="6">
        <v>2118469100</v>
      </c>
      <c r="D118" s="6">
        <v>2573349722.3899999</v>
      </c>
      <c r="E118" s="6">
        <v>2194721853.9299998</v>
      </c>
      <c r="F118" s="6">
        <v>85.29</v>
      </c>
      <c r="G118" s="6">
        <v>2170860487.4499998</v>
      </c>
      <c r="H118" s="6">
        <v>84.36</v>
      </c>
    </row>
    <row r="120" spans="1:8" x14ac:dyDescent="0.25">
      <c r="A120" s="8" t="s">
        <v>6</v>
      </c>
      <c r="B120" s="8" t="s">
        <v>865</v>
      </c>
      <c r="C120" s="8" t="s">
        <v>682</v>
      </c>
    </row>
    <row r="121" spans="1:8" x14ac:dyDescent="0.25">
      <c r="A121" s="8" t="s">
        <v>7</v>
      </c>
      <c r="B121" s="8" t="s">
        <v>7</v>
      </c>
      <c r="C121" s="8" t="s">
        <v>7</v>
      </c>
    </row>
    <row r="122" spans="1:8" x14ac:dyDescent="0.25">
      <c r="A122" s="2" t="s">
        <v>184</v>
      </c>
      <c r="B122" s="4" t="s">
        <v>866</v>
      </c>
      <c r="C122" s="7">
        <v>-509254954.41000003</v>
      </c>
    </row>
    <row r="123" spans="1:8" x14ac:dyDescent="0.25">
      <c r="A123" s="2" t="s">
        <v>186</v>
      </c>
      <c r="B123" s="4" t="s">
        <v>867</v>
      </c>
      <c r="C123" s="7">
        <v>0</v>
      </c>
    </row>
    <row r="124" spans="1:8" x14ac:dyDescent="0.25">
      <c r="A124" s="2" t="s">
        <v>188</v>
      </c>
      <c r="B124" s="4" t="s">
        <v>868</v>
      </c>
      <c r="C124" s="7">
        <v>0</v>
      </c>
    </row>
    <row r="125" spans="1:8" x14ac:dyDescent="0.25">
      <c r="A125" s="2" t="s">
        <v>190</v>
      </c>
      <c r="B125" s="4" t="s">
        <v>869</v>
      </c>
      <c r="C125" s="7">
        <v>0</v>
      </c>
    </row>
    <row r="126" spans="1:8" x14ac:dyDescent="0.25">
      <c r="A126" s="2" t="s">
        <v>192</v>
      </c>
      <c r="B126" s="4" t="s">
        <v>870</v>
      </c>
      <c r="C126" s="7">
        <v>0</v>
      </c>
    </row>
    <row r="127" spans="1:8" x14ac:dyDescent="0.25">
      <c r="A127" s="2" t="s">
        <v>194</v>
      </c>
      <c r="B127" s="4" t="s">
        <v>871</v>
      </c>
      <c r="C127" s="7">
        <v>2327610.75</v>
      </c>
    </row>
    <row r="128" spans="1:8" x14ac:dyDescent="0.25">
      <c r="A128" s="3" t="s">
        <v>196</v>
      </c>
      <c r="B128" s="5" t="s">
        <v>872</v>
      </c>
      <c r="C128" s="6">
        <v>-506927343.66000003</v>
      </c>
    </row>
    <row r="129" spans="1:8" x14ac:dyDescent="0.25">
      <c r="A129" s="2" t="s">
        <v>198</v>
      </c>
      <c r="B129" s="4" t="s">
        <v>873</v>
      </c>
      <c r="C129" s="7">
        <v>2677787831.1100001</v>
      </c>
    </row>
    <row r="130" spans="1:8" x14ac:dyDescent="0.25">
      <c r="A130" s="2" t="s">
        <v>200</v>
      </c>
      <c r="B130" s="4" t="s">
        <v>874</v>
      </c>
      <c r="C130" s="7">
        <v>34.26</v>
      </c>
    </row>
    <row r="132" spans="1:8" x14ac:dyDescent="0.25">
      <c r="A132" s="8" t="s">
        <v>6</v>
      </c>
      <c r="B132" s="8" t="s">
        <v>875</v>
      </c>
      <c r="C132" s="8" t="s">
        <v>369</v>
      </c>
      <c r="D132" s="8" t="s">
        <v>823</v>
      </c>
      <c r="E132" s="8" t="s">
        <v>168</v>
      </c>
      <c r="F132" s="8" t="s">
        <v>7</v>
      </c>
      <c r="G132" s="8" t="s">
        <v>172</v>
      </c>
      <c r="H132" s="8" t="s">
        <v>172</v>
      </c>
    </row>
    <row r="133" spans="1:8" ht="21" x14ac:dyDescent="0.25">
      <c r="A133" s="8" t="s">
        <v>7</v>
      </c>
      <c r="B133" s="8" t="s">
        <v>7</v>
      </c>
      <c r="C133" s="8" t="s">
        <v>7</v>
      </c>
      <c r="D133" s="8" t="s">
        <v>7</v>
      </c>
      <c r="E133" s="1" t="s">
        <v>824</v>
      </c>
      <c r="F133" s="1" t="s">
        <v>825</v>
      </c>
      <c r="G133" s="1" t="s">
        <v>876</v>
      </c>
      <c r="H133" s="1" t="s">
        <v>827</v>
      </c>
    </row>
    <row r="134" spans="1:8" x14ac:dyDescent="0.25">
      <c r="A134" s="2" t="s">
        <v>202</v>
      </c>
      <c r="B134" s="4" t="s">
        <v>877</v>
      </c>
      <c r="C134" s="7">
        <v>0</v>
      </c>
      <c r="D134" s="7">
        <v>0</v>
      </c>
      <c r="E134" s="7">
        <v>0</v>
      </c>
      <c r="F134" s="7">
        <v>0</v>
      </c>
      <c r="G134" s="7">
        <v>0</v>
      </c>
      <c r="H134" s="7">
        <v>0</v>
      </c>
    </row>
    <row r="135" spans="1:8" x14ac:dyDescent="0.25">
      <c r="A135" s="2" t="s">
        <v>204</v>
      </c>
      <c r="B135" s="4" t="s">
        <v>878</v>
      </c>
      <c r="C135" s="7">
        <v>70173200</v>
      </c>
      <c r="D135" s="7">
        <v>70173200</v>
      </c>
      <c r="E135" s="7">
        <v>43740296.240000002</v>
      </c>
      <c r="F135" s="7">
        <v>62.33</v>
      </c>
      <c r="G135" s="7">
        <v>39038179.740000002</v>
      </c>
      <c r="H135" s="7">
        <v>55.63</v>
      </c>
    </row>
    <row r="136" spans="1:8" x14ac:dyDescent="0.25">
      <c r="A136" s="2" t="s">
        <v>206</v>
      </c>
      <c r="B136" s="4" t="s">
        <v>879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</row>
    <row r="137" spans="1:8" x14ac:dyDescent="0.25">
      <c r="A137" s="2" t="s">
        <v>208</v>
      </c>
      <c r="B137" s="4" t="s">
        <v>880</v>
      </c>
      <c r="C137" s="7">
        <v>66732900</v>
      </c>
      <c r="D137" s="7">
        <v>90732900</v>
      </c>
      <c r="E137" s="7">
        <v>46399959.670000002</v>
      </c>
      <c r="F137" s="7">
        <v>51.14</v>
      </c>
      <c r="G137" s="7">
        <v>36451036.75</v>
      </c>
      <c r="H137" s="7">
        <v>40.17</v>
      </c>
    </row>
    <row r="138" spans="1:8" x14ac:dyDescent="0.25">
      <c r="A138" s="3" t="s">
        <v>210</v>
      </c>
      <c r="B138" s="5" t="s">
        <v>881</v>
      </c>
      <c r="C138" s="6">
        <v>136906100</v>
      </c>
      <c r="D138" s="6">
        <v>160906100</v>
      </c>
      <c r="E138" s="6">
        <v>90140255.909999996</v>
      </c>
      <c r="F138" s="6">
        <v>56.02</v>
      </c>
      <c r="G138" s="6">
        <v>75489216.489999995</v>
      </c>
      <c r="H138" s="6">
        <v>46.92</v>
      </c>
    </row>
    <row r="139" spans="1:8" x14ac:dyDescent="0.25">
      <c r="A139" s="2" t="s">
        <v>212</v>
      </c>
      <c r="B139" s="4" t="s">
        <v>882</v>
      </c>
      <c r="C139" s="7">
        <v>2255375200</v>
      </c>
      <c r="D139" s="7">
        <v>2734255822.3899999</v>
      </c>
      <c r="E139" s="7">
        <v>2284862109.8400002</v>
      </c>
      <c r="F139" s="7">
        <v>83.56</v>
      </c>
      <c r="G139" s="7">
        <v>2246349703.9400001</v>
      </c>
      <c r="H139" s="7">
        <v>82.16</v>
      </c>
    </row>
    <row r="141" spans="1:8" x14ac:dyDescent="0.25">
      <c r="A141" s="8" t="s">
        <v>6</v>
      </c>
      <c r="B141" s="8" t="s">
        <v>883</v>
      </c>
      <c r="C141" s="8" t="s">
        <v>884</v>
      </c>
      <c r="D141" s="8" t="s">
        <v>885</v>
      </c>
    </row>
    <row r="142" spans="1:8" x14ac:dyDescent="0.25">
      <c r="A142" s="8" t="s">
        <v>7</v>
      </c>
      <c r="B142" s="8" t="s">
        <v>7</v>
      </c>
      <c r="C142" s="8" t="s">
        <v>7</v>
      </c>
      <c r="D142" s="8" t="s">
        <v>7</v>
      </c>
    </row>
    <row r="143" spans="1:8" x14ac:dyDescent="0.25">
      <c r="A143" s="3" t="s">
        <v>214</v>
      </c>
      <c r="B143" s="5" t="s">
        <v>886</v>
      </c>
      <c r="C143" s="6">
        <v>18246899.010000002</v>
      </c>
      <c r="D143" s="6">
        <v>2327610.75</v>
      </c>
    </row>
    <row r="144" spans="1:8" x14ac:dyDescent="0.25">
      <c r="A144" s="2" t="s">
        <v>215</v>
      </c>
      <c r="B144" s="4" t="s">
        <v>887</v>
      </c>
      <c r="C144" s="7">
        <v>18233973.129999999</v>
      </c>
      <c r="D144" s="7">
        <v>1360580.32</v>
      </c>
    </row>
    <row r="145" spans="1:4" x14ac:dyDescent="0.25">
      <c r="A145" s="2" t="s">
        <v>216</v>
      </c>
      <c r="B145" s="4" t="s">
        <v>888</v>
      </c>
      <c r="C145" s="7">
        <v>12925.88</v>
      </c>
      <c r="D145" s="7">
        <v>967030.43</v>
      </c>
    </row>
    <row r="147" spans="1:4" x14ac:dyDescent="0.25">
      <c r="A147" s="8" t="s">
        <v>6</v>
      </c>
      <c r="B147" s="8" t="s">
        <v>889</v>
      </c>
      <c r="C147" s="8" t="s">
        <v>890</v>
      </c>
      <c r="D147" s="8" t="s">
        <v>891</v>
      </c>
    </row>
    <row r="148" spans="1:4" x14ac:dyDescent="0.25">
      <c r="A148" s="8" t="s">
        <v>7</v>
      </c>
      <c r="B148" s="8" t="s">
        <v>7</v>
      </c>
      <c r="C148" s="8" t="s">
        <v>7</v>
      </c>
      <c r="D148" s="8" t="s">
        <v>7</v>
      </c>
    </row>
    <row r="149" spans="1:4" x14ac:dyDescent="0.25">
      <c r="A149" s="2" t="s">
        <v>218</v>
      </c>
      <c r="B149" s="4" t="s">
        <v>892</v>
      </c>
      <c r="C149" s="7">
        <v>75580178.609999999</v>
      </c>
      <c r="D149" s="7">
        <v>-2495885.0699999998</v>
      </c>
    </row>
    <row r="150" spans="1:4" x14ac:dyDescent="0.25">
      <c r="A150" s="2" t="s">
        <v>220</v>
      </c>
      <c r="B150" s="4" t="s">
        <v>893</v>
      </c>
      <c r="C150" s="7">
        <v>913247074.58000004</v>
      </c>
      <c r="D150" s="7">
        <v>61635672.539999999</v>
      </c>
    </row>
    <row r="151" spans="1:4" x14ac:dyDescent="0.25">
      <c r="A151" s="3" t="s">
        <v>222</v>
      </c>
      <c r="B151" s="5" t="s">
        <v>894</v>
      </c>
      <c r="C151" s="6">
        <v>951731093.25999999</v>
      </c>
      <c r="D151" s="6">
        <v>38415901.479999997</v>
      </c>
    </row>
    <row r="152" spans="1:4" x14ac:dyDescent="0.25">
      <c r="A152" s="2" t="s">
        <v>225</v>
      </c>
      <c r="B152" s="4" t="s">
        <v>895</v>
      </c>
      <c r="C152" s="7">
        <v>913651785.17999995</v>
      </c>
      <c r="D152" s="7">
        <v>38405010.369999997</v>
      </c>
    </row>
    <row r="153" spans="1:4" x14ac:dyDescent="0.25">
      <c r="A153" s="2" t="s">
        <v>227</v>
      </c>
      <c r="B153" s="4" t="s">
        <v>896</v>
      </c>
      <c r="C153" s="7">
        <v>38079308.079999998</v>
      </c>
      <c r="D153" s="7">
        <v>10891.11</v>
      </c>
    </row>
    <row r="154" spans="1:4" x14ac:dyDescent="0.25">
      <c r="A154" s="2" t="s">
        <v>229</v>
      </c>
      <c r="B154" s="4" t="s">
        <v>897</v>
      </c>
      <c r="C154" s="7">
        <v>1649280.49</v>
      </c>
      <c r="D154" s="7">
        <v>308291.56</v>
      </c>
    </row>
    <row r="155" spans="1:4" x14ac:dyDescent="0.25">
      <c r="A155" s="3" t="s">
        <v>231</v>
      </c>
      <c r="B155" s="5" t="s">
        <v>898</v>
      </c>
      <c r="C155" s="6">
        <v>38745440.420000002</v>
      </c>
      <c r="D155" s="6">
        <v>21032177.550000001</v>
      </c>
    </row>
    <row r="156" spans="1:4" x14ac:dyDescent="0.25">
      <c r="A156" s="3" t="s">
        <v>233</v>
      </c>
      <c r="B156" s="5" t="s">
        <v>899</v>
      </c>
      <c r="C156" s="6">
        <v>15824047.73</v>
      </c>
      <c r="D156" s="6">
        <v>2903706.86</v>
      </c>
    </row>
    <row r="157" spans="1:4" x14ac:dyDescent="0.25">
      <c r="A157" s="2" t="s">
        <v>235</v>
      </c>
      <c r="B157" s="4" t="s">
        <v>900</v>
      </c>
      <c r="C157" s="7">
        <v>41290106.25</v>
      </c>
      <c r="D157" s="7">
        <v>-167551.72</v>
      </c>
    </row>
    <row r="158" spans="1:4" x14ac:dyDescent="0.25">
      <c r="A158" s="2" t="s">
        <v>237</v>
      </c>
      <c r="B158" s="4" t="s">
        <v>901</v>
      </c>
      <c r="C158" s="7">
        <v>0</v>
      </c>
      <c r="D158" s="7">
        <v>0</v>
      </c>
    </row>
    <row r="159" spans="1:4" x14ac:dyDescent="0.25">
      <c r="A159" s="2" t="s">
        <v>239</v>
      </c>
      <c r="B159" s="4" t="s">
        <v>902</v>
      </c>
      <c r="C159" s="7">
        <v>-25467488.420000002</v>
      </c>
      <c r="D159" s="7">
        <v>3071258.58</v>
      </c>
    </row>
    <row r="160" spans="1:4" x14ac:dyDescent="0.25">
      <c r="A160" s="2" t="s">
        <v>241</v>
      </c>
      <c r="B160" s="4" t="s">
        <v>903</v>
      </c>
      <c r="C160" s="7">
        <v>1429.9</v>
      </c>
      <c r="D160" s="7">
        <v>0</v>
      </c>
    </row>
    <row r="161" spans="1:4" x14ac:dyDescent="0.25">
      <c r="A161" s="3" t="s">
        <v>243</v>
      </c>
      <c r="B161" s="5" t="s">
        <v>904</v>
      </c>
      <c r="C161" s="6">
        <v>54569488.149999999</v>
      </c>
      <c r="D161" s="6">
        <v>23935884.41</v>
      </c>
    </row>
  </sheetData>
  <mergeCells count="62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5:A36"/>
    <mergeCell ref="B35:B36"/>
    <mergeCell ref="C35:C36"/>
    <mergeCell ref="D35:D36"/>
    <mergeCell ref="E35:F35"/>
    <mergeCell ref="A52:A53"/>
    <mergeCell ref="B52:B53"/>
    <mergeCell ref="C52:C53"/>
    <mergeCell ref="D52:D53"/>
    <mergeCell ref="E52:F52"/>
    <mergeCell ref="A67:A68"/>
    <mergeCell ref="B67:B68"/>
    <mergeCell ref="C67:C68"/>
    <mergeCell ref="A72:A73"/>
    <mergeCell ref="B72:B73"/>
    <mergeCell ref="C72:C73"/>
    <mergeCell ref="D72:D73"/>
    <mergeCell ref="E72:F72"/>
    <mergeCell ref="G72:H72"/>
    <mergeCell ref="A82:A83"/>
    <mergeCell ref="B82:B83"/>
    <mergeCell ref="C82:C83"/>
    <mergeCell ref="A92:A93"/>
    <mergeCell ref="B92:B93"/>
    <mergeCell ref="C92:C93"/>
    <mergeCell ref="A99:A100"/>
    <mergeCell ref="B99:B100"/>
    <mergeCell ref="C99:C100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141:A142"/>
    <mergeCell ref="B141:B142"/>
    <mergeCell ref="C141:C142"/>
    <mergeCell ref="D141:D142"/>
    <mergeCell ref="A147:A148"/>
    <mergeCell ref="B147:B148"/>
    <mergeCell ref="C147:C148"/>
    <mergeCell ref="D147:D148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tabSelected="1" topLeftCell="C61" workbookViewId="0">
      <selection activeCell="M69" sqref="M69"/>
    </sheetView>
  </sheetViews>
  <sheetFormatPr defaultRowHeight="15" x14ac:dyDescent="0.25"/>
  <cols>
    <col min="1" max="1" width="2.7109375" bestFit="1" customWidth="1"/>
    <col min="2" max="2" width="92.140625" customWidth="1"/>
    <col min="3" max="3" width="20.42578125" bestFit="1" customWidth="1"/>
    <col min="4" max="4" width="34.5703125" bestFit="1" customWidth="1"/>
    <col min="5" max="5" width="22.5703125" bestFit="1" customWidth="1"/>
    <col min="6" max="6" width="16" bestFit="1" customWidth="1"/>
    <col min="7" max="7" width="19.140625" bestFit="1" customWidth="1"/>
    <col min="8" max="8" width="13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905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906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907</v>
      </c>
      <c r="C10" s="8" t="s">
        <v>9</v>
      </c>
      <c r="D10" s="8" t="s">
        <v>10</v>
      </c>
      <c r="E10" s="8" t="s">
        <v>11</v>
      </c>
      <c r="F10" s="8" t="s">
        <v>11</v>
      </c>
    </row>
    <row r="11" spans="1:8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371</v>
      </c>
      <c r="F11" s="1" t="s">
        <v>908</v>
      </c>
    </row>
    <row r="12" spans="1:8" x14ac:dyDescent="0.25">
      <c r="A12" s="3" t="s">
        <v>17</v>
      </c>
      <c r="B12" s="5" t="s">
        <v>909</v>
      </c>
      <c r="C12" s="6">
        <v>10687148600</v>
      </c>
      <c r="D12" s="6">
        <v>10687148600</v>
      </c>
      <c r="E12" s="6">
        <v>8822731071.7600002</v>
      </c>
      <c r="F12" s="6">
        <v>82.55</v>
      </c>
    </row>
    <row r="13" spans="1:8" x14ac:dyDescent="0.25">
      <c r="A13" s="2" t="s">
        <v>19</v>
      </c>
      <c r="B13" s="4" t="s">
        <v>910</v>
      </c>
      <c r="C13" s="7">
        <v>142311600</v>
      </c>
      <c r="D13" s="7">
        <v>142311600</v>
      </c>
      <c r="E13" s="7">
        <v>132330316.88</v>
      </c>
      <c r="F13" s="7">
        <v>92.99</v>
      </c>
    </row>
    <row r="14" spans="1:8" x14ac:dyDescent="0.25">
      <c r="A14" s="2" t="s">
        <v>21</v>
      </c>
      <c r="B14" s="4" t="s">
        <v>911</v>
      </c>
      <c r="C14" s="7">
        <v>8823338900</v>
      </c>
      <c r="D14" s="7">
        <v>8823338900</v>
      </c>
      <c r="E14" s="7">
        <v>7244395254.5</v>
      </c>
      <c r="F14" s="7">
        <v>82.1</v>
      </c>
    </row>
    <row r="15" spans="1:8" x14ac:dyDescent="0.25">
      <c r="A15" s="2" t="s">
        <v>23</v>
      </c>
      <c r="B15" s="4" t="s">
        <v>912</v>
      </c>
      <c r="C15" s="7">
        <v>657265100</v>
      </c>
      <c r="D15" s="7">
        <v>657265100</v>
      </c>
      <c r="E15" s="7">
        <v>613953468.75999999</v>
      </c>
      <c r="F15" s="7">
        <v>93.41</v>
      </c>
    </row>
    <row r="16" spans="1:8" x14ac:dyDescent="0.25">
      <c r="A16" s="2" t="s">
        <v>25</v>
      </c>
      <c r="B16" s="4" t="s">
        <v>913</v>
      </c>
      <c r="C16" s="7">
        <v>949714500</v>
      </c>
      <c r="D16" s="7">
        <v>949714500</v>
      </c>
      <c r="E16" s="7">
        <v>704348535.10000002</v>
      </c>
      <c r="F16" s="7">
        <v>74.16</v>
      </c>
    </row>
    <row r="17" spans="1:6" x14ac:dyDescent="0.25">
      <c r="A17" s="2" t="s">
        <v>27</v>
      </c>
      <c r="B17" s="4" t="s">
        <v>914</v>
      </c>
      <c r="C17" s="7">
        <v>76242000</v>
      </c>
      <c r="D17" s="7">
        <v>76242000</v>
      </c>
      <c r="E17" s="7">
        <v>74372603.510000005</v>
      </c>
      <c r="F17" s="7">
        <v>97.55</v>
      </c>
    </row>
    <row r="18" spans="1:6" x14ac:dyDescent="0.25">
      <c r="A18" s="2" t="s">
        <v>29</v>
      </c>
      <c r="B18" s="4" t="s">
        <v>915</v>
      </c>
      <c r="C18" s="7">
        <v>38276500</v>
      </c>
      <c r="D18" s="7">
        <v>38276500</v>
      </c>
      <c r="E18" s="7">
        <v>53330893.009999998</v>
      </c>
      <c r="F18" s="7">
        <v>139.33000000000001</v>
      </c>
    </row>
    <row r="19" spans="1:6" x14ac:dyDescent="0.25">
      <c r="A19" s="2" t="s">
        <v>31</v>
      </c>
      <c r="B19" s="4" t="s">
        <v>916</v>
      </c>
      <c r="C19" s="7">
        <v>0</v>
      </c>
      <c r="D19" s="7">
        <v>0</v>
      </c>
      <c r="E19" s="7">
        <v>0</v>
      </c>
      <c r="F19" s="7">
        <v>0</v>
      </c>
    </row>
    <row r="20" spans="1:6" x14ac:dyDescent="0.25">
      <c r="A20" s="3" t="s">
        <v>33</v>
      </c>
      <c r="B20" s="5" t="s">
        <v>917</v>
      </c>
      <c r="C20" s="6">
        <v>1342751200</v>
      </c>
      <c r="D20" s="6">
        <v>1342751200</v>
      </c>
      <c r="E20" s="6">
        <v>1160121643.1199999</v>
      </c>
      <c r="F20" s="6">
        <v>86.4</v>
      </c>
    </row>
    <row r="21" spans="1:6" x14ac:dyDescent="0.25">
      <c r="A21" s="2" t="s">
        <v>35</v>
      </c>
      <c r="B21" s="4" t="s">
        <v>635</v>
      </c>
      <c r="C21" s="7">
        <v>1218808000</v>
      </c>
      <c r="D21" s="7">
        <v>1218808000</v>
      </c>
      <c r="E21" s="7">
        <v>1073797568.1900001</v>
      </c>
      <c r="F21" s="7">
        <v>88.1</v>
      </c>
    </row>
    <row r="22" spans="1:6" x14ac:dyDescent="0.25">
      <c r="A22" s="2" t="s">
        <v>37</v>
      </c>
      <c r="B22" s="4" t="s">
        <v>918</v>
      </c>
      <c r="C22" s="7">
        <v>105726200</v>
      </c>
      <c r="D22" s="7">
        <v>105726200</v>
      </c>
      <c r="E22" s="7">
        <v>86324074.930000007</v>
      </c>
      <c r="F22" s="7">
        <v>81.650000000000006</v>
      </c>
    </row>
    <row r="23" spans="1:6" x14ac:dyDescent="0.25">
      <c r="A23" s="3" t="s">
        <v>39</v>
      </c>
      <c r="B23" s="5" t="s">
        <v>919</v>
      </c>
      <c r="C23" s="6">
        <v>18217000</v>
      </c>
      <c r="D23" s="6">
        <v>18217000</v>
      </c>
      <c r="E23" s="6">
        <v>0</v>
      </c>
      <c r="F23" s="6">
        <v>0</v>
      </c>
    </row>
    <row r="24" spans="1:6" x14ac:dyDescent="0.25">
      <c r="A24" s="2" t="s">
        <v>41</v>
      </c>
      <c r="B24" s="4" t="s">
        <v>920</v>
      </c>
      <c r="C24" s="7">
        <v>18217000</v>
      </c>
      <c r="D24" s="7">
        <v>18217000</v>
      </c>
      <c r="E24" s="7">
        <v>0</v>
      </c>
      <c r="F24" s="7">
        <v>0</v>
      </c>
    </row>
    <row r="25" spans="1:6" x14ac:dyDescent="0.25">
      <c r="A25" s="2" t="s">
        <v>43</v>
      </c>
      <c r="B25" s="4" t="s">
        <v>921</v>
      </c>
      <c r="C25" s="7">
        <v>0</v>
      </c>
      <c r="D25" s="7">
        <v>0</v>
      </c>
      <c r="E25" s="7">
        <v>0</v>
      </c>
      <c r="F25" s="7">
        <v>0</v>
      </c>
    </row>
    <row r="26" spans="1:6" x14ac:dyDescent="0.25">
      <c r="A26" s="3" t="s">
        <v>45</v>
      </c>
      <c r="B26" s="5" t="s">
        <v>922</v>
      </c>
      <c r="C26" s="6">
        <v>2577197800</v>
      </c>
      <c r="D26" s="6">
        <v>2577197800</v>
      </c>
      <c r="E26" s="6">
        <v>2166049816.8000002</v>
      </c>
      <c r="F26" s="6">
        <v>84.05</v>
      </c>
    </row>
    <row r="27" spans="1:6" x14ac:dyDescent="0.25">
      <c r="A27" s="2" t="s">
        <v>47</v>
      </c>
      <c r="B27" s="4" t="s">
        <v>923</v>
      </c>
      <c r="C27" s="7">
        <v>2203160000</v>
      </c>
      <c r="D27" s="7">
        <v>2203160000</v>
      </c>
      <c r="E27" s="7">
        <v>1814473129.8800001</v>
      </c>
      <c r="F27" s="7">
        <v>82.36</v>
      </c>
    </row>
    <row r="28" spans="1:6" x14ac:dyDescent="0.25">
      <c r="A28" s="2" t="s">
        <v>49</v>
      </c>
      <c r="B28" s="4" t="s">
        <v>924</v>
      </c>
      <c r="C28" s="7">
        <v>347606200</v>
      </c>
      <c r="D28" s="7">
        <v>347606200</v>
      </c>
      <c r="E28" s="7">
        <v>329995668.16000003</v>
      </c>
      <c r="F28" s="7">
        <v>94.93</v>
      </c>
    </row>
    <row r="29" spans="1:6" x14ac:dyDescent="0.25">
      <c r="A29" s="2" t="s">
        <v>51</v>
      </c>
      <c r="B29" s="4" t="s">
        <v>925</v>
      </c>
      <c r="C29" s="7">
        <v>26431600</v>
      </c>
      <c r="D29" s="7">
        <v>26431600</v>
      </c>
      <c r="E29" s="7">
        <v>21581018.760000002</v>
      </c>
      <c r="F29" s="7">
        <v>81.650000000000006</v>
      </c>
    </row>
    <row r="30" spans="1:6" x14ac:dyDescent="0.25">
      <c r="A30" s="3" t="s">
        <v>53</v>
      </c>
      <c r="B30" s="5" t="s">
        <v>926</v>
      </c>
      <c r="C30" s="6">
        <v>9452702000</v>
      </c>
      <c r="D30" s="6">
        <v>9452702000</v>
      </c>
      <c r="E30" s="6">
        <v>7816802898.0799999</v>
      </c>
      <c r="F30" s="6">
        <v>82.69</v>
      </c>
    </row>
    <row r="32" spans="1:6" x14ac:dyDescent="0.25">
      <c r="A32" s="8" t="s">
        <v>6</v>
      </c>
      <c r="B32" s="8" t="s">
        <v>927</v>
      </c>
      <c r="C32" s="8" t="s">
        <v>9</v>
      </c>
      <c r="D32" s="8" t="s">
        <v>928</v>
      </c>
      <c r="E32" s="8" t="s">
        <v>11</v>
      </c>
      <c r="F32" s="8" t="s">
        <v>11</v>
      </c>
    </row>
    <row r="33" spans="1:8" x14ac:dyDescent="0.25">
      <c r="A33" s="8" t="s">
        <v>7</v>
      </c>
      <c r="B33" s="8" t="s">
        <v>7</v>
      </c>
      <c r="C33" s="8" t="s">
        <v>7</v>
      </c>
      <c r="D33" s="8" t="s">
        <v>7</v>
      </c>
      <c r="E33" s="1" t="s">
        <v>374</v>
      </c>
      <c r="F33" s="1" t="s">
        <v>929</v>
      </c>
    </row>
    <row r="34" spans="1:8" x14ac:dyDescent="0.25">
      <c r="A34" s="3" t="s">
        <v>55</v>
      </c>
      <c r="B34" s="5" t="s">
        <v>930</v>
      </c>
      <c r="C34" s="6">
        <v>320764500</v>
      </c>
      <c r="D34" s="6">
        <v>320764500</v>
      </c>
      <c r="E34" s="6">
        <v>167672831.22999999</v>
      </c>
      <c r="F34" s="6">
        <v>52.27</v>
      </c>
    </row>
    <row r="35" spans="1:8" x14ac:dyDescent="0.25">
      <c r="A35" s="2" t="s">
        <v>57</v>
      </c>
      <c r="B35" s="4" t="s">
        <v>931</v>
      </c>
      <c r="C35" s="7">
        <v>251447800</v>
      </c>
      <c r="D35" s="7">
        <v>251447800</v>
      </c>
      <c r="E35" s="7">
        <v>116929328.53</v>
      </c>
      <c r="F35" s="7">
        <v>46.5</v>
      </c>
    </row>
    <row r="36" spans="1:8" x14ac:dyDescent="0.25">
      <c r="A36" s="2" t="s">
        <v>59</v>
      </c>
      <c r="B36" s="4" t="s">
        <v>932</v>
      </c>
      <c r="C36" s="7">
        <v>0</v>
      </c>
      <c r="D36" s="7">
        <v>0</v>
      </c>
      <c r="E36" s="7">
        <v>0</v>
      </c>
      <c r="F36" s="7">
        <v>0</v>
      </c>
    </row>
    <row r="37" spans="1:8" x14ac:dyDescent="0.25">
      <c r="A37" s="2" t="s">
        <v>61</v>
      </c>
      <c r="B37" s="4" t="s">
        <v>933</v>
      </c>
      <c r="C37" s="7">
        <v>0</v>
      </c>
      <c r="D37" s="7">
        <v>0</v>
      </c>
      <c r="E37" s="7">
        <v>0</v>
      </c>
      <c r="F37" s="7">
        <v>0</v>
      </c>
    </row>
    <row r="38" spans="1:8" x14ac:dyDescent="0.25">
      <c r="A38" s="2" t="s">
        <v>63</v>
      </c>
      <c r="B38" s="4" t="s">
        <v>934</v>
      </c>
      <c r="C38" s="7">
        <v>69316700</v>
      </c>
      <c r="D38" s="7">
        <v>69316700</v>
      </c>
      <c r="E38" s="7">
        <v>50743502.700000003</v>
      </c>
      <c r="F38" s="7">
        <v>73.209999999999994</v>
      </c>
    </row>
    <row r="39" spans="1:8" x14ac:dyDescent="0.25">
      <c r="A39" s="2" t="s">
        <v>65</v>
      </c>
      <c r="B39" s="4" t="s">
        <v>935</v>
      </c>
      <c r="C39" s="7">
        <v>155000</v>
      </c>
      <c r="D39" s="7">
        <v>155000</v>
      </c>
      <c r="E39" s="7">
        <v>112329.89</v>
      </c>
      <c r="F39" s="7">
        <v>72.47</v>
      </c>
    </row>
    <row r="40" spans="1:8" x14ac:dyDescent="0.25">
      <c r="A40" s="2" t="s">
        <v>67</v>
      </c>
      <c r="B40" s="4" t="s">
        <v>936</v>
      </c>
      <c r="C40" s="7">
        <v>0</v>
      </c>
      <c r="D40" s="7">
        <v>0</v>
      </c>
      <c r="E40" s="7">
        <v>0</v>
      </c>
      <c r="F40" s="7">
        <v>0</v>
      </c>
    </row>
    <row r="41" spans="1:8" x14ac:dyDescent="0.25">
      <c r="A41" s="2" t="s">
        <v>69</v>
      </c>
      <c r="B41" s="4" t="s">
        <v>937</v>
      </c>
      <c r="C41" s="7">
        <v>170000</v>
      </c>
      <c r="D41" s="7">
        <v>170000</v>
      </c>
      <c r="E41" s="7">
        <v>16650</v>
      </c>
      <c r="F41" s="7">
        <v>9.7899999999999991</v>
      </c>
    </row>
    <row r="42" spans="1:8" x14ac:dyDescent="0.25">
      <c r="A42" s="3" t="s">
        <v>71</v>
      </c>
      <c r="B42" s="5" t="s">
        <v>938</v>
      </c>
      <c r="C42" s="6">
        <v>321089500</v>
      </c>
      <c r="D42" s="6">
        <v>321089500</v>
      </c>
      <c r="E42" s="6">
        <v>167801811.12</v>
      </c>
      <c r="F42" s="6">
        <v>52.26</v>
      </c>
    </row>
    <row r="44" spans="1:8" x14ac:dyDescent="0.25">
      <c r="A44" s="8" t="s">
        <v>6</v>
      </c>
      <c r="B44" s="8" t="s">
        <v>939</v>
      </c>
      <c r="C44" s="8" t="s">
        <v>369</v>
      </c>
      <c r="D44" s="8" t="s">
        <v>167</v>
      </c>
      <c r="E44" s="8" t="s">
        <v>168</v>
      </c>
      <c r="F44" s="8" t="s">
        <v>7</v>
      </c>
      <c r="G44" s="8" t="s">
        <v>172</v>
      </c>
      <c r="H44" s="8" t="s">
        <v>172</v>
      </c>
    </row>
    <row r="45" spans="1:8" ht="21" x14ac:dyDescent="0.25">
      <c r="A45" s="8" t="s">
        <v>7</v>
      </c>
      <c r="B45" s="8" t="s">
        <v>7</v>
      </c>
      <c r="C45" s="8" t="s">
        <v>7</v>
      </c>
      <c r="D45" s="8" t="s">
        <v>7</v>
      </c>
      <c r="E45" s="1" t="s">
        <v>170</v>
      </c>
      <c r="F45" s="1" t="s">
        <v>940</v>
      </c>
      <c r="G45" s="1" t="s">
        <v>826</v>
      </c>
      <c r="H45" s="1" t="s">
        <v>941</v>
      </c>
    </row>
    <row r="46" spans="1:8" x14ac:dyDescent="0.25">
      <c r="A46" s="3" t="s">
        <v>73</v>
      </c>
      <c r="B46" s="5" t="s">
        <v>349</v>
      </c>
      <c r="C46" s="6">
        <v>1358219500</v>
      </c>
      <c r="D46" s="6">
        <v>1492485082.3299999</v>
      </c>
      <c r="E46" s="6">
        <v>1224736908.8399999</v>
      </c>
      <c r="F46" s="6">
        <v>82.06</v>
      </c>
      <c r="G46" s="6">
        <v>1146769609.0699999</v>
      </c>
      <c r="H46" s="6">
        <v>76.84</v>
      </c>
    </row>
    <row r="47" spans="1:8" x14ac:dyDescent="0.25">
      <c r="A47" s="2" t="s">
        <v>75</v>
      </c>
      <c r="B47" s="4" t="s">
        <v>942</v>
      </c>
      <c r="C47" s="7">
        <v>406341700</v>
      </c>
      <c r="D47" s="7">
        <v>324789125.60000002</v>
      </c>
      <c r="E47" s="7">
        <v>285389649.16000003</v>
      </c>
      <c r="F47" s="7">
        <v>87.87</v>
      </c>
      <c r="G47" s="7">
        <v>283933198.63999999</v>
      </c>
      <c r="H47" s="7">
        <v>87.42</v>
      </c>
    </row>
    <row r="48" spans="1:8" x14ac:dyDescent="0.25">
      <c r="A48" s="2" t="s">
        <v>77</v>
      </c>
      <c r="B48" s="4" t="s">
        <v>943</v>
      </c>
      <c r="C48" s="7">
        <v>213600</v>
      </c>
      <c r="D48" s="7">
        <v>213600</v>
      </c>
      <c r="E48" s="7">
        <v>160204.70000000001</v>
      </c>
      <c r="F48" s="7">
        <v>75</v>
      </c>
      <c r="G48" s="7">
        <v>152335.49</v>
      </c>
      <c r="H48" s="7">
        <v>71.319999999999993</v>
      </c>
    </row>
    <row r="49" spans="1:8" x14ac:dyDescent="0.25">
      <c r="A49" s="2" t="s">
        <v>79</v>
      </c>
      <c r="B49" s="4" t="s">
        <v>944</v>
      </c>
      <c r="C49" s="7">
        <v>951664200</v>
      </c>
      <c r="D49" s="7">
        <v>1167482356.73</v>
      </c>
      <c r="E49" s="7">
        <v>939187054.98000002</v>
      </c>
      <c r="F49" s="7">
        <v>80.45</v>
      </c>
      <c r="G49" s="7">
        <v>862684074.94000006</v>
      </c>
      <c r="H49" s="7">
        <v>73.89</v>
      </c>
    </row>
    <row r="50" spans="1:8" x14ac:dyDescent="0.25">
      <c r="A50" s="3" t="s">
        <v>81</v>
      </c>
      <c r="B50" s="5" t="s">
        <v>357</v>
      </c>
      <c r="C50" s="6">
        <v>111003300</v>
      </c>
      <c r="D50" s="6">
        <v>148110628</v>
      </c>
      <c r="E50" s="6">
        <v>45990196.359999999</v>
      </c>
      <c r="F50" s="6">
        <v>31.05</v>
      </c>
      <c r="G50" s="6">
        <v>11497189.17</v>
      </c>
      <c r="H50" s="6">
        <v>7.76</v>
      </c>
    </row>
    <row r="51" spans="1:8" x14ac:dyDescent="0.25">
      <c r="A51" s="2" t="s">
        <v>83</v>
      </c>
      <c r="B51" s="4" t="s">
        <v>945</v>
      </c>
      <c r="C51" s="7">
        <v>110806700</v>
      </c>
      <c r="D51" s="7">
        <v>147914028</v>
      </c>
      <c r="E51" s="7">
        <v>45826560.159999996</v>
      </c>
      <c r="F51" s="7">
        <v>30.98</v>
      </c>
      <c r="G51" s="7">
        <v>11333552.970000001</v>
      </c>
      <c r="H51" s="7">
        <v>7.66</v>
      </c>
    </row>
    <row r="52" spans="1:8" x14ac:dyDescent="0.25">
      <c r="A52" s="2" t="s">
        <v>85</v>
      </c>
      <c r="B52" s="4" t="s">
        <v>946</v>
      </c>
      <c r="C52" s="7">
        <v>200</v>
      </c>
      <c r="D52" s="7">
        <v>200</v>
      </c>
      <c r="E52" s="7">
        <v>0</v>
      </c>
      <c r="F52" s="7">
        <v>0</v>
      </c>
      <c r="G52" s="7">
        <v>0</v>
      </c>
      <c r="H52" s="7">
        <v>0</v>
      </c>
    </row>
    <row r="53" spans="1:8" x14ac:dyDescent="0.25">
      <c r="A53" s="2" t="s">
        <v>87</v>
      </c>
      <c r="B53" s="4" t="s">
        <v>947</v>
      </c>
      <c r="C53" s="7">
        <v>196400</v>
      </c>
      <c r="D53" s="7">
        <v>196400</v>
      </c>
      <c r="E53" s="7">
        <v>163636.20000000001</v>
      </c>
      <c r="F53" s="7">
        <v>83.32</v>
      </c>
      <c r="G53" s="7">
        <v>163636.20000000001</v>
      </c>
      <c r="H53" s="7">
        <v>83.32</v>
      </c>
    </row>
    <row r="54" spans="1:8" x14ac:dyDescent="0.25">
      <c r="A54" s="3" t="s">
        <v>89</v>
      </c>
      <c r="B54" s="5" t="s">
        <v>948</v>
      </c>
      <c r="C54" s="6">
        <v>1469222800</v>
      </c>
      <c r="D54" s="6">
        <v>1640595710.3299999</v>
      </c>
      <c r="E54" s="6">
        <v>1270727105.2</v>
      </c>
      <c r="F54" s="6">
        <v>77.459999999999994</v>
      </c>
      <c r="G54" s="6">
        <v>1158266798.24</v>
      </c>
      <c r="H54" s="6">
        <v>70.599999999999994</v>
      </c>
    </row>
    <row r="56" spans="1:8" x14ac:dyDescent="0.25">
      <c r="A56" s="8" t="s">
        <v>6</v>
      </c>
      <c r="B56" s="8" t="s">
        <v>949</v>
      </c>
      <c r="C56" s="8" t="s">
        <v>369</v>
      </c>
      <c r="D56" s="8" t="s">
        <v>559</v>
      </c>
      <c r="E56" s="8" t="s">
        <v>168</v>
      </c>
      <c r="F56" s="8" t="s">
        <v>7</v>
      </c>
      <c r="G56" s="8" t="s">
        <v>172</v>
      </c>
      <c r="H56" s="8" t="s">
        <v>172</v>
      </c>
    </row>
    <row r="57" spans="1:8" ht="21" x14ac:dyDescent="0.25">
      <c r="A57" s="8" t="s">
        <v>7</v>
      </c>
      <c r="B57" s="8" t="s">
        <v>7</v>
      </c>
      <c r="C57" s="8" t="s">
        <v>7</v>
      </c>
      <c r="D57" s="8" t="s">
        <v>7</v>
      </c>
      <c r="E57" s="1" t="s">
        <v>173</v>
      </c>
      <c r="F57" s="1" t="s">
        <v>950</v>
      </c>
      <c r="G57" s="1" t="s">
        <v>951</v>
      </c>
      <c r="H57" s="1" t="s">
        <v>952</v>
      </c>
    </row>
    <row r="58" spans="1:8" x14ac:dyDescent="0.25">
      <c r="A58" s="2" t="s">
        <v>91</v>
      </c>
      <c r="B58" s="4" t="s">
        <v>953</v>
      </c>
      <c r="C58" s="7">
        <v>0</v>
      </c>
      <c r="D58" s="7">
        <v>0</v>
      </c>
      <c r="E58" s="7">
        <v>0</v>
      </c>
      <c r="F58" s="7">
        <v>0.93</v>
      </c>
      <c r="G58" s="7">
        <v>0</v>
      </c>
      <c r="H58" s="7">
        <v>0.45</v>
      </c>
    </row>
    <row r="59" spans="1:8" x14ac:dyDescent="0.25">
      <c r="A59" s="2" t="s">
        <v>93</v>
      </c>
      <c r="B59" s="4" t="s">
        <v>954</v>
      </c>
      <c r="C59" s="7">
        <v>0</v>
      </c>
      <c r="D59" s="7">
        <v>0</v>
      </c>
      <c r="E59" s="7">
        <v>0</v>
      </c>
      <c r="F59" s="7">
        <v>0.93</v>
      </c>
      <c r="G59" s="7">
        <v>0</v>
      </c>
      <c r="H59" s="7">
        <v>0.45</v>
      </c>
    </row>
    <row r="60" spans="1:8" x14ac:dyDescent="0.25">
      <c r="A60" s="3" t="s">
        <v>95</v>
      </c>
      <c r="B60" s="5" t="s">
        <v>955</v>
      </c>
      <c r="C60" s="6">
        <v>331877700</v>
      </c>
      <c r="D60" s="6">
        <v>364217179</v>
      </c>
      <c r="E60" s="6">
        <v>194345539.56999999</v>
      </c>
      <c r="F60" s="6">
        <v>15.29</v>
      </c>
      <c r="G60" s="6">
        <v>151752125.21000001</v>
      </c>
      <c r="H60" s="6">
        <v>13.1</v>
      </c>
    </row>
    <row r="61" spans="1:8" x14ac:dyDescent="0.25">
      <c r="A61" s="2" t="s">
        <v>97</v>
      </c>
      <c r="B61" s="4" t="s">
        <v>956</v>
      </c>
      <c r="C61" s="7">
        <v>255134500</v>
      </c>
      <c r="D61" s="7">
        <v>255134500</v>
      </c>
      <c r="E61" s="7">
        <v>138140214.31</v>
      </c>
      <c r="F61" s="7">
        <v>10.87</v>
      </c>
      <c r="G61" s="7">
        <v>112425582.12</v>
      </c>
      <c r="H61" s="7">
        <v>9.7100000000000009</v>
      </c>
    </row>
    <row r="62" spans="1:8" x14ac:dyDescent="0.25">
      <c r="A62" s="2" t="s">
        <v>99</v>
      </c>
      <c r="B62" s="4" t="s">
        <v>957</v>
      </c>
      <c r="C62" s="7">
        <v>10788200</v>
      </c>
      <c r="D62" s="7">
        <v>43127679</v>
      </c>
      <c r="E62" s="7">
        <v>11821467.380000001</v>
      </c>
      <c r="F62" s="7">
        <v>0.93</v>
      </c>
      <c r="G62" s="7">
        <v>5261349.09</v>
      </c>
      <c r="H62" s="7">
        <v>0.45</v>
      </c>
    </row>
    <row r="63" spans="1:8" x14ac:dyDescent="0.25">
      <c r="A63" s="2" t="s">
        <v>101</v>
      </c>
      <c r="B63" s="4" t="s">
        <v>958</v>
      </c>
      <c r="C63" s="7">
        <v>65955000</v>
      </c>
      <c r="D63" s="7">
        <v>65955000</v>
      </c>
      <c r="E63" s="7">
        <v>44383857.880000003</v>
      </c>
      <c r="F63" s="7">
        <v>3.49</v>
      </c>
      <c r="G63" s="7">
        <v>34065194</v>
      </c>
      <c r="H63" s="7">
        <v>2.94</v>
      </c>
    </row>
    <row r="64" spans="1:8" x14ac:dyDescent="0.25">
      <c r="A64" s="2" t="s">
        <v>103</v>
      </c>
      <c r="B64" s="4" t="s">
        <v>959</v>
      </c>
      <c r="C64" s="7">
        <v>0</v>
      </c>
      <c r="D64" s="7">
        <v>0</v>
      </c>
      <c r="E64" s="7">
        <v>0</v>
      </c>
      <c r="F64" s="7">
        <v>0</v>
      </c>
      <c r="G64" s="7">
        <v>0</v>
      </c>
      <c r="H64" s="7">
        <v>0</v>
      </c>
    </row>
    <row r="65" spans="1:8" x14ac:dyDescent="0.25">
      <c r="A65" s="2" t="s">
        <v>105</v>
      </c>
      <c r="B65" s="4" t="s">
        <v>960</v>
      </c>
      <c r="C65" s="7">
        <v>0</v>
      </c>
      <c r="D65" s="7">
        <v>0</v>
      </c>
      <c r="E65" s="7">
        <v>0</v>
      </c>
      <c r="F65" s="7">
        <v>0</v>
      </c>
      <c r="G65" s="7">
        <v>0</v>
      </c>
      <c r="H65" s="7">
        <v>0</v>
      </c>
    </row>
    <row r="66" spans="1:8" x14ac:dyDescent="0.25">
      <c r="A66" s="2" t="s">
        <v>107</v>
      </c>
      <c r="B66" s="4" t="s">
        <v>961</v>
      </c>
      <c r="C66" s="7">
        <v>0</v>
      </c>
      <c r="D66" s="7">
        <v>0</v>
      </c>
      <c r="E66" s="7">
        <v>0</v>
      </c>
      <c r="F66" s="7">
        <v>0</v>
      </c>
      <c r="G66" s="7">
        <v>0</v>
      </c>
      <c r="H66" s="7">
        <v>0</v>
      </c>
    </row>
    <row r="67" spans="1:8" x14ac:dyDescent="0.25">
      <c r="A67" s="2" t="s">
        <v>109</v>
      </c>
      <c r="B67" s="4" t="s">
        <v>962</v>
      </c>
      <c r="C67" s="7">
        <v>0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</row>
    <row r="68" spans="1:8" x14ac:dyDescent="0.25">
      <c r="A68" s="3" t="s">
        <v>111</v>
      </c>
      <c r="B68" s="5" t="s">
        <v>963</v>
      </c>
      <c r="C68" s="6">
        <v>331877700</v>
      </c>
      <c r="D68" s="6">
        <v>364217179</v>
      </c>
      <c r="E68" s="6">
        <v>194345539.56999999</v>
      </c>
      <c r="F68" s="6">
        <v>15.29</v>
      </c>
      <c r="G68" s="6">
        <v>151752125.21000001</v>
      </c>
      <c r="H68" s="6">
        <v>13.1</v>
      </c>
    </row>
    <row r="70" spans="1:8" x14ac:dyDescent="0.25">
      <c r="A70" s="8" t="s">
        <v>6</v>
      </c>
      <c r="B70" s="8" t="s">
        <v>964</v>
      </c>
      <c r="C70" s="8" t="s">
        <v>369</v>
      </c>
      <c r="D70" s="8" t="s">
        <v>559</v>
      </c>
      <c r="E70" s="8" t="s">
        <v>168</v>
      </c>
      <c r="F70" s="8" t="s">
        <v>7</v>
      </c>
      <c r="G70" s="8" t="s">
        <v>172</v>
      </c>
      <c r="H70" s="8" t="s">
        <v>172</v>
      </c>
    </row>
    <row r="71" spans="1:8" ht="21" x14ac:dyDescent="0.25">
      <c r="A71" s="8" t="s">
        <v>7</v>
      </c>
      <c r="B71" s="8" t="s">
        <v>7</v>
      </c>
      <c r="C71" s="8" t="s">
        <v>7</v>
      </c>
      <c r="D71" s="8" t="s">
        <v>7</v>
      </c>
      <c r="E71" s="1" t="s">
        <v>173</v>
      </c>
      <c r="F71" s="1" t="s">
        <v>965</v>
      </c>
      <c r="G71" s="1" t="s">
        <v>951</v>
      </c>
      <c r="H71" s="1" t="s">
        <v>966</v>
      </c>
    </row>
    <row r="72" spans="1:8" x14ac:dyDescent="0.25">
      <c r="A72" s="2" t="s">
        <v>113</v>
      </c>
      <c r="B72" s="4" t="s">
        <v>967</v>
      </c>
      <c r="C72" s="7">
        <v>1137345100</v>
      </c>
      <c r="D72" s="7">
        <v>1276378531.3299999</v>
      </c>
      <c r="E72" s="7">
        <v>1076381565.6300001</v>
      </c>
      <c r="F72" s="7">
        <v>84.71</v>
      </c>
      <c r="G72" s="7">
        <v>1006514673.03</v>
      </c>
      <c r="H72" s="7">
        <v>86.9</v>
      </c>
    </row>
    <row r="74" spans="1:8" x14ac:dyDescent="0.25">
      <c r="A74" s="8" t="s">
        <v>6</v>
      </c>
      <c r="B74" s="8" t="s">
        <v>968</v>
      </c>
      <c r="C74" s="8" t="s">
        <v>682</v>
      </c>
    </row>
    <row r="75" spans="1:8" x14ac:dyDescent="0.25">
      <c r="A75" s="8" t="s">
        <v>7</v>
      </c>
      <c r="B75" s="8" t="s">
        <v>7</v>
      </c>
      <c r="C75" s="8" t="s">
        <v>7</v>
      </c>
    </row>
    <row r="76" spans="1:8" x14ac:dyDescent="0.25">
      <c r="A76" s="2" t="s">
        <v>115</v>
      </c>
      <c r="B76" s="4" t="s">
        <v>969</v>
      </c>
      <c r="C76" s="7">
        <v>12.88</v>
      </c>
    </row>
    <row r="78" spans="1:8" x14ac:dyDescent="0.25">
      <c r="A78" s="8" t="s">
        <v>6</v>
      </c>
      <c r="B78" s="8" t="s">
        <v>970</v>
      </c>
      <c r="C78" s="8" t="s">
        <v>682</v>
      </c>
    </row>
    <row r="79" spans="1:8" x14ac:dyDescent="0.25">
      <c r="A79" s="8" t="s">
        <v>7</v>
      </c>
      <c r="B79" s="8" t="s">
        <v>7</v>
      </c>
      <c r="C79" s="8" t="s">
        <v>7</v>
      </c>
    </row>
    <row r="80" spans="1:8" x14ac:dyDescent="0.25">
      <c r="A80" s="2" t="s">
        <v>117</v>
      </c>
      <c r="B80" s="4" t="s">
        <v>971</v>
      </c>
      <c r="C80" s="7">
        <v>68498325.260000005</v>
      </c>
    </row>
    <row r="82" spans="1:7" x14ac:dyDescent="0.25">
      <c r="A82" s="8" t="s">
        <v>6</v>
      </c>
      <c r="B82" s="8" t="s">
        <v>972</v>
      </c>
      <c r="C82" s="8" t="s">
        <v>973</v>
      </c>
      <c r="D82" s="8" t="s">
        <v>974</v>
      </c>
      <c r="E82" s="8" t="s">
        <v>975</v>
      </c>
      <c r="F82" s="8" t="s">
        <v>976</v>
      </c>
      <c r="G82" s="8" t="s">
        <v>977</v>
      </c>
    </row>
    <row r="83" spans="1:7" x14ac:dyDescent="0.25">
      <c r="A83" s="8" t="s">
        <v>7</v>
      </c>
      <c r="B83" s="8" t="s">
        <v>7</v>
      </c>
      <c r="C83" s="8" t="s">
        <v>7</v>
      </c>
      <c r="D83" s="8" t="s">
        <v>7</v>
      </c>
      <c r="E83" s="8" t="s">
        <v>7</v>
      </c>
      <c r="F83" s="8" t="s">
        <v>7</v>
      </c>
      <c r="G83" s="8" t="s">
        <v>7</v>
      </c>
    </row>
    <row r="84" spans="1:7" x14ac:dyDescent="0.25">
      <c r="A84" s="2" t="s">
        <v>119</v>
      </c>
      <c r="B84" s="4" t="s">
        <v>978</v>
      </c>
      <c r="C84" s="7">
        <v>0</v>
      </c>
      <c r="D84" s="7">
        <v>0</v>
      </c>
      <c r="E84" s="7">
        <v>0</v>
      </c>
      <c r="F84" s="7">
        <v>0</v>
      </c>
      <c r="G84" s="7">
        <v>0</v>
      </c>
    </row>
    <row r="85" spans="1:7" x14ac:dyDescent="0.25">
      <c r="A85" s="2" t="s">
        <v>120</v>
      </c>
      <c r="B85" s="4" t="s">
        <v>979</v>
      </c>
      <c r="C85" s="7">
        <v>187884615.66999999</v>
      </c>
      <c r="D85" s="7">
        <v>4662095.47</v>
      </c>
      <c r="E85" s="7">
        <v>145123891.81999999</v>
      </c>
      <c r="F85" s="7">
        <v>38098628.380000003</v>
      </c>
      <c r="G85" s="7">
        <v>0</v>
      </c>
    </row>
    <row r="86" spans="1:7" x14ac:dyDescent="0.25">
      <c r="A86" s="2" t="s">
        <v>121</v>
      </c>
      <c r="B86" s="4" t="s">
        <v>980</v>
      </c>
      <c r="C86" s="7">
        <v>54588728.18</v>
      </c>
      <c r="D86" s="7">
        <v>90868.57</v>
      </c>
      <c r="E86" s="7">
        <v>4533551.97</v>
      </c>
      <c r="F86" s="7">
        <v>49964307.640000001</v>
      </c>
      <c r="G86" s="7">
        <v>0</v>
      </c>
    </row>
    <row r="87" spans="1:7" x14ac:dyDescent="0.25">
      <c r="A87" s="2" t="s">
        <v>122</v>
      </c>
      <c r="B87" s="4" t="s">
        <v>981</v>
      </c>
      <c r="C87" s="7">
        <v>2733266.91</v>
      </c>
      <c r="D87" s="7">
        <v>91.67</v>
      </c>
      <c r="E87" s="7">
        <v>769107</v>
      </c>
      <c r="F87" s="7">
        <v>1964068.24</v>
      </c>
      <c r="G87" s="7">
        <v>0</v>
      </c>
    </row>
    <row r="88" spans="1:7" x14ac:dyDescent="0.25">
      <c r="A88" s="2" t="s">
        <v>123</v>
      </c>
      <c r="B88" s="4" t="s">
        <v>982</v>
      </c>
      <c r="C88" s="7">
        <v>6259807.5899999999</v>
      </c>
      <c r="D88" s="7">
        <v>18113.66</v>
      </c>
      <c r="E88" s="7">
        <v>0</v>
      </c>
      <c r="F88" s="7">
        <v>6241693.9299999997</v>
      </c>
      <c r="G88" s="7">
        <v>0</v>
      </c>
    </row>
    <row r="89" spans="1:7" x14ac:dyDescent="0.25">
      <c r="A89" s="2" t="s">
        <v>124</v>
      </c>
      <c r="B89" s="4" t="s">
        <v>983</v>
      </c>
      <c r="C89" s="7">
        <v>1711716.34</v>
      </c>
      <c r="D89" s="7">
        <v>669916.52</v>
      </c>
      <c r="E89" s="7">
        <v>0</v>
      </c>
      <c r="F89" s="7">
        <v>1041799.82</v>
      </c>
      <c r="G89" s="7">
        <v>0</v>
      </c>
    </row>
    <row r="90" spans="1:7" x14ac:dyDescent="0.25">
      <c r="A90" s="3" t="s">
        <v>125</v>
      </c>
      <c r="B90" s="5" t="s">
        <v>984</v>
      </c>
      <c r="C90" s="6">
        <v>253178134.69</v>
      </c>
      <c r="D90" s="6">
        <v>5441085.8899999997</v>
      </c>
      <c r="E90" s="6">
        <v>150426550.78999999</v>
      </c>
      <c r="F90" s="6">
        <v>97310498.010000005</v>
      </c>
      <c r="G90" s="6">
        <v>0</v>
      </c>
    </row>
    <row r="92" spans="1:7" x14ac:dyDescent="0.25">
      <c r="A92" s="8" t="s">
        <v>6</v>
      </c>
      <c r="B92" s="8" t="s">
        <v>985</v>
      </c>
      <c r="C92" s="8" t="s">
        <v>986</v>
      </c>
      <c r="D92" s="8" t="s">
        <v>7</v>
      </c>
      <c r="E92" s="8" t="s">
        <v>986</v>
      </c>
    </row>
    <row r="93" spans="1:7" ht="21" x14ac:dyDescent="0.25">
      <c r="A93" s="8" t="s">
        <v>7</v>
      </c>
      <c r="B93" s="8" t="s">
        <v>7</v>
      </c>
      <c r="C93" s="1" t="s">
        <v>987</v>
      </c>
      <c r="D93" s="1" t="s">
        <v>988</v>
      </c>
      <c r="E93" s="1" t="s">
        <v>989</v>
      </c>
    </row>
    <row r="94" spans="1:7" x14ac:dyDescent="0.25">
      <c r="A94" s="2" t="s">
        <v>126</v>
      </c>
      <c r="B94" s="4" t="s">
        <v>990</v>
      </c>
      <c r="C94" s="7">
        <v>0</v>
      </c>
      <c r="D94" s="7">
        <v>0</v>
      </c>
      <c r="E94" s="7">
        <v>0</v>
      </c>
    </row>
    <row r="95" spans="1:7" x14ac:dyDescent="0.25">
      <c r="A95" s="2" t="s">
        <v>127</v>
      </c>
      <c r="B95" s="4" t="s">
        <v>991</v>
      </c>
      <c r="C95" s="7">
        <v>0</v>
      </c>
      <c r="D95" s="7">
        <v>0</v>
      </c>
      <c r="E95" s="7">
        <v>0</v>
      </c>
    </row>
    <row r="96" spans="1:7" x14ac:dyDescent="0.25">
      <c r="A96" s="2" t="s">
        <v>129</v>
      </c>
      <c r="B96" s="4" t="s">
        <v>992</v>
      </c>
      <c r="C96" s="7">
        <v>0</v>
      </c>
      <c r="D96" s="7">
        <v>0</v>
      </c>
      <c r="E96" s="7">
        <v>0</v>
      </c>
    </row>
    <row r="97" spans="1:8" x14ac:dyDescent="0.25">
      <c r="A97" s="2" t="s">
        <v>131</v>
      </c>
      <c r="B97" s="4" t="s">
        <v>993</v>
      </c>
      <c r="C97" s="7">
        <v>0</v>
      </c>
      <c r="D97" s="7">
        <v>0</v>
      </c>
      <c r="E97" s="7">
        <v>0</v>
      </c>
    </row>
    <row r="98" spans="1:8" x14ac:dyDescent="0.25">
      <c r="A98" s="2" t="s">
        <v>133</v>
      </c>
      <c r="B98" s="4" t="s">
        <v>994</v>
      </c>
      <c r="C98" s="7">
        <v>0</v>
      </c>
      <c r="D98" s="7">
        <v>0</v>
      </c>
      <c r="E98" s="7">
        <v>0</v>
      </c>
    </row>
    <row r="99" spans="1:8" x14ac:dyDescent="0.25">
      <c r="A99" s="2" t="s">
        <v>135</v>
      </c>
      <c r="B99" s="4" t="s">
        <v>983</v>
      </c>
      <c r="C99" s="7">
        <v>0</v>
      </c>
      <c r="D99" s="7">
        <v>0</v>
      </c>
      <c r="E99" s="7">
        <v>0</v>
      </c>
    </row>
    <row r="100" spans="1:8" x14ac:dyDescent="0.25">
      <c r="A100" s="3" t="s">
        <v>137</v>
      </c>
      <c r="B100" s="5" t="s">
        <v>995</v>
      </c>
      <c r="C100" s="6">
        <v>0</v>
      </c>
      <c r="D100" s="6">
        <v>0</v>
      </c>
      <c r="E100" s="6">
        <v>0</v>
      </c>
    </row>
    <row r="102" spans="1:8" x14ac:dyDescent="0.25">
      <c r="A102" s="8" t="s">
        <v>6</v>
      </c>
      <c r="B102" s="8" t="s">
        <v>996</v>
      </c>
      <c r="C102" s="8" t="s">
        <v>997</v>
      </c>
      <c r="D102" s="8" t="s">
        <v>7</v>
      </c>
      <c r="E102" s="8" t="s">
        <v>997</v>
      </c>
    </row>
    <row r="103" spans="1:8" ht="21" x14ac:dyDescent="0.25">
      <c r="A103" s="8" t="s">
        <v>7</v>
      </c>
      <c r="B103" s="8" t="s">
        <v>7</v>
      </c>
      <c r="C103" s="1" t="s">
        <v>987</v>
      </c>
      <c r="D103" s="1" t="s">
        <v>998</v>
      </c>
      <c r="E103" s="1" t="s">
        <v>989</v>
      </c>
    </row>
    <row r="104" spans="1:8" x14ac:dyDescent="0.25">
      <c r="A104" s="2" t="s">
        <v>139</v>
      </c>
      <c r="B104" s="4" t="s">
        <v>999</v>
      </c>
      <c r="C104" s="7">
        <v>0</v>
      </c>
      <c r="D104" s="7">
        <v>0</v>
      </c>
      <c r="E104" s="7">
        <v>0</v>
      </c>
    </row>
    <row r="105" spans="1:8" x14ac:dyDescent="0.25">
      <c r="A105" s="2" t="s">
        <v>141</v>
      </c>
      <c r="B105" s="4" t="s">
        <v>1000</v>
      </c>
      <c r="C105" s="7">
        <v>0</v>
      </c>
      <c r="D105" s="7">
        <v>0</v>
      </c>
      <c r="E105" s="7">
        <v>0</v>
      </c>
    </row>
    <row r="106" spans="1:8" x14ac:dyDescent="0.25">
      <c r="A106" s="2" t="s">
        <v>143</v>
      </c>
      <c r="B106" s="4" t="s">
        <v>1001</v>
      </c>
      <c r="C106" s="7">
        <v>0</v>
      </c>
      <c r="D106" s="7">
        <v>0</v>
      </c>
      <c r="E106" s="7">
        <v>0</v>
      </c>
    </row>
    <row r="107" spans="1:8" x14ac:dyDescent="0.25">
      <c r="A107" s="2" t="s">
        <v>145</v>
      </c>
      <c r="B107" s="4" t="s">
        <v>1002</v>
      </c>
      <c r="C107" s="7">
        <v>0</v>
      </c>
      <c r="D107" s="7">
        <v>0</v>
      </c>
      <c r="E107" s="7">
        <v>0</v>
      </c>
    </row>
    <row r="108" spans="1:8" x14ac:dyDescent="0.25">
      <c r="A108" s="2" t="s">
        <v>147</v>
      </c>
      <c r="B108" s="4" t="s">
        <v>1003</v>
      </c>
      <c r="C108" s="7">
        <v>0</v>
      </c>
      <c r="D108" s="7">
        <v>0</v>
      </c>
      <c r="E108" s="7">
        <v>0</v>
      </c>
    </row>
    <row r="109" spans="1:8" x14ac:dyDescent="0.25">
      <c r="A109" s="2" t="s">
        <v>149</v>
      </c>
      <c r="B109" s="4" t="s">
        <v>1004</v>
      </c>
      <c r="C109" s="7">
        <v>0</v>
      </c>
      <c r="D109" s="7">
        <v>0</v>
      </c>
      <c r="E109" s="7">
        <v>0</v>
      </c>
    </row>
    <row r="110" spans="1:8" x14ac:dyDescent="0.25">
      <c r="A110" s="3" t="s">
        <v>151</v>
      </c>
      <c r="B110" s="5" t="s">
        <v>1005</v>
      </c>
      <c r="C110" s="6">
        <v>0</v>
      </c>
      <c r="D110" s="6">
        <v>0</v>
      </c>
      <c r="E110" s="6">
        <v>0</v>
      </c>
    </row>
    <row r="112" spans="1:8" x14ac:dyDescent="0.25">
      <c r="A112" s="8" t="s">
        <v>6</v>
      </c>
      <c r="B112" s="8" t="s">
        <v>1006</v>
      </c>
      <c r="C112" s="8" t="s">
        <v>369</v>
      </c>
      <c r="D112" s="8" t="s">
        <v>559</v>
      </c>
      <c r="E112" s="8" t="s">
        <v>168</v>
      </c>
      <c r="F112" s="8" t="s">
        <v>7</v>
      </c>
      <c r="G112" s="8" t="s">
        <v>172</v>
      </c>
      <c r="H112" s="8" t="s">
        <v>172</v>
      </c>
    </row>
    <row r="113" spans="1:8" ht="21" x14ac:dyDescent="0.25">
      <c r="A113" s="8" t="s">
        <v>7</v>
      </c>
      <c r="B113" s="8" t="s">
        <v>7</v>
      </c>
      <c r="C113" s="8" t="s">
        <v>7</v>
      </c>
      <c r="D113" s="8" t="s">
        <v>7</v>
      </c>
      <c r="E113" s="1" t="s">
        <v>1007</v>
      </c>
      <c r="F113" s="1" t="s">
        <v>1008</v>
      </c>
      <c r="G113" s="1" t="s">
        <v>1009</v>
      </c>
      <c r="H113" s="1" t="s">
        <v>1010</v>
      </c>
    </row>
    <row r="114" spans="1:8" x14ac:dyDescent="0.25">
      <c r="A114" s="2" t="s">
        <v>152</v>
      </c>
      <c r="B114" s="4" t="s">
        <v>1011</v>
      </c>
      <c r="C114" s="7">
        <v>112185500</v>
      </c>
      <c r="D114" s="7">
        <v>79058403</v>
      </c>
      <c r="E114" s="7">
        <v>71320843.390000001</v>
      </c>
      <c r="F114" s="7">
        <v>5.61</v>
      </c>
      <c r="G114" s="7">
        <v>60735254.759999998</v>
      </c>
      <c r="H114" s="7">
        <v>5.24</v>
      </c>
    </row>
    <row r="115" spans="1:8" x14ac:dyDescent="0.25">
      <c r="A115" s="2" t="s">
        <v>153</v>
      </c>
      <c r="B115" s="4" t="s">
        <v>1012</v>
      </c>
      <c r="C115" s="7">
        <v>588892600</v>
      </c>
      <c r="D115" s="7">
        <v>573574267</v>
      </c>
      <c r="E115" s="7">
        <v>378345367.35000002</v>
      </c>
      <c r="F115" s="7">
        <v>29.77</v>
      </c>
      <c r="G115" s="7">
        <v>316772155.22000003</v>
      </c>
      <c r="H115" s="7">
        <v>27.35</v>
      </c>
    </row>
    <row r="116" spans="1:8" x14ac:dyDescent="0.25">
      <c r="A116" s="2" t="s">
        <v>155</v>
      </c>
      <c r="B116" s="4" t="s">
        <v>1013</v>
      </c>
      <c r="C116" s="7">
        <v>93010200</v>
      </c>
      <c r="D116" s="7">
        <v>90687224.349999994</v>
      </c>
      <c r="E116" s="7">
        <v>48804646.240000002</v>
      </c>
      <c r="F116" s="7">
        <v>3.84</v>
      </c>
      <c r="G116" s="7">
        <v>36844475.850000001</v>
      </c>
      <c r="H116" s="7">
        <v>3.18</v>
      </c>
    </row>
    <row r="117" spans="1:8" x14ac:dyDescent="0.25">
      <c r="A117" s="2" t="s">
        <v>157</v>
      </c>
      <c r="B117" s="4" t="s">
        <v>1014</v>
      </c>
      <c r="C117" s="7">
        <v>0</v>
      </c>
      <c r="D117" s="7">
        <v>0</v>
      </c>
      <c r="E117" s="7">
        <v>0</v>
      </c>
      <c r="F117" s="7">
        <v>0</v>
      </c>
      <c r="G117" s="7">
        <v>0</v>
      </c>
      <c r="H117" s="7">
        <v>0</v>
      </c>
    </row>
    <row r="118" spans="1:8" x14ac:dyDescent="0.25">
      <c r="A118" s="2" t="s">
        <v>159</v>
      </c>
      <c r="B118" s="4" t="s">
        <v>1015</v>
      </c>
      <c r="C118" s="7">
        <v>30813300</v>
      </c>
      <c r="D118" s="7">
        <v>32400728</v>
      </c>
      <c r="E118" s="7">
        <v>16368516.33</v>
      </c>
      <c r="F118" s="7">
        <v>1.29</v>
      </c>
      <c r="G118" s="7">
        <v>10707072.5</v>
      </c>
      <c r="H118" s="7">
        <v>0.92</v>
      </c>
    </row>
    <row r="119" spans="1:8" x14ac:dyDescent="0.25">
      <c r="A119" s="2" t="s">
        <v>161</v>
      </c>
      <c r="B119" s="4" t="s">
        <v>1016</v>
      </c>
      <c r="C119" s="7">
        <v>0</v>
      </c>
      <c r="D119" s="7">
        <v>0</v>
      </c>
      <c r="E119" s="7">
        <v>0</v>
      </c>
      <c r="F119" s="7">
        <v>0</v>
      </c>
      <c r="G119" s="7">
        <v>0</v>
      </c>
      <c r="H119" s="7">
        <v>0</v>
      </c>
    </row>
    <row r="120" spans="1:8" x14ac:dyDescent="0.25">
      <c r="A120" s="2" t="s">
        <v>163</v>
      </c>
      <c r="B120" s="4" t="s">
        <v>1017</v>
      </c>
      <c r="C120" s="7">
        <v>644321200</v>
      </c>
      <c r="D120" s="7">
        <v>864875087.98000002</v>
      </c>
      <c r="E120" s="7">
        <v>755887731.88999999</v>
      </c>
      <c r="F120" s="7">
        <v>59.48</v>
      </c>
      <c r="G120" s="7">
        <v>733207839.90999997</v>
      </c>
      <c r="H120" s="7">
        <v>63.3</v>
      </c>
    </row>
    <row r="121" spans="1:8" x14ac:dyDescent="0.25">
      <c r="A121" s="3" t="s">
        <v>176</v>
      </c>
      <c r="B121" s="5" t="s">
        <v>984</v>
      </c>
      <c r="C121" s="6">
        <v>1469222800</v>
      </c>
      <c r="D121" s="6">
        <v>1640595710.3299999</v>
      </c>
      <c r="E121" s="6">
        <v>1270727105.2</v>
      </c>
      <c r="F121" s="6">
        <v>100</v>
      </c>
      <c r="G121" s="6">
        <v>1158266798.24</v>
      </c>
      <c r="H121" s="6">
        <v>100</v>
      </c>
    </row>
  </sheetData>
  <mergeCells count="59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2:A33"/>
    <mergeCell ref="B32:B33"/>
    <mergeCell ref="C32:C33"/>
    <mergeCell ref="D32:D33"/>
    <mergeCell ref="E32:F32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topLeftCell="A16" workbookViewId="0">
      <selection activeCell="E29" sqref="E29"/>
    </sheetView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</row>
    <row r="4" spans="1:13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</row>
    <row r="5" spans="1:13" x14ac:dyDescent="0.25">
      <c r="A5" s="12" t="s">
        <v>1018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</row>
    <row r="6" spans="1:13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</row>
    <row r="7" spans="1:13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</row>
    <row r="9" spans="1:13" x14ac:dyDescent="0.25">
      <c r="A9" s="9" t="s">
        <v>1019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</row>
    <row r="10" spans="1:13" x14ac:dyDescent="0.25">
      <c r="A10" s="8" t="s">
        <v>6</v>
      </c>
      <c r="B10" s="8" t="s">
        <v>1020</v>
      </c>
      <c r="C10" s="8" t="s">
        <v>1021</v>
      </c>
      <c r="D10" s="8" t="s">
        <v>1022</v>
      </c>
      <c r="E10" s="8" t="s">
        <v>1022</v>
      </c>
    </row>
    <row r="11" spans="1:13" ht="21" x14ac:dyDescent="0.25">
      <c r="A11" s="8" t="s">
        <v>7</v>
      </c>
      <c r="B11" s="8" t="s">
        <v>7</v>
      </c>
      <c r="C11" s="8" t="s">
        <v>7</v>
      </c>
      <c r="D11" s="1" t="s">
        <v>169</v>
      </c>
      <c r="E11" s="1" t="s">
        <v>1023</v>
      </c>
    </row>
    <row r="12" spans="1:13" x14ac:dyDescent="0.25">
      <c r="A12" s="3" t="s">
        <v>17</v>
      </c>
      <c r="B12" s="5" t="s">
        <v>1024</v>
      </c>
      <c r="C12" s="6">
        <v>0</v>
      </c>
      <c r="D12" s="6">
        <v>0</v>
      </c>
      <c r="E12" s="6">
        <v>0</v>
      </c>
    </row>
    <row r="13" spans="1:13" x14ac:dyDescent="0.25">
      <c r="A13" s="2" t="s">
        <v>19</v>
      </c>
      <c r="B13" s="4" t="s">
        <v>1025</v>
      </c>
      <c r="C13" s="7">
        <v>0</v>
      </c>
      <c r="D13" s="7">
        <v>0</v>
      </c>
      <c r="E13" s="7">
        <v>0</v>
      </c>
    </row>
    <row r="14" spans="1:13" x14ac:dyDescent="0.25">
      <c r="A14" s="3" t="s">
        <v>21</v>
      </c>
      <c r="B14" s="5" t="s">
        <v>1026</v>
      </c>
      <c r="C14" s="6">
        <v>0</v>
      </c>
      <c r="D14" s="6">
        <v>0</v>
      </c>
      <c r="E14" s="6">
        <v>0</v>
      </c>
    </row>
    <row r="15" spans="1:13" x14ac:dyDescent="0.25">
      <c r="A15" s="2" t="s">
        <v>23</v>
      </c>
      <c r="B15" s="4" t="s">
        <v>1027</v>
      </c>
      <c r="C15" s="7">
        <v>0</v>
      </c>
      <c r="D15" s="7">
        <v>0</v>
      </c>
      <c r="E15" s="7">
        <v>0</v>
      </c>
    </row>
    <row r="16" spans="1:13" x14ac:dyDescent="0.25">
      <c r="A16" s="2" t="s">
        <v>25</v>
      </c>
      <c r="B16" s="4" t="s">
        <v>1028</v>
      </c>
      <c r="C16" s="7">
        <v>0</v>
      </c>
      <c r="D16" s="7">
        <v>0</v>
      </c>
      <c r="E16" s="7">
        <v>0</v>
      </c>
    </row>
    <row r="17" spans="1:13" x14ac:dyDescent="0.25">
      <c r="A17" s="2" t="s">
        <v>27</v>
      </c>
      <c r="B17" s="4" t="s">
        <v>1029</v>
      </c>
      <c r="C17" s="7">
        <v>0</v>
      </c>
      <c r="D17" s="7">
        <v>0</v>
      </c>
      <c r="E17" s="7">
        <v>0</v>
      </c>
    </row>
    <row r="18" spans="1:13" x14ac:dyDescent="0.25">
      <c r="A18" s="3" t="s">
        <v>29</v>
      </c>
      <c r="B18" s="5" t="s">
        <v>1030</v>
      </c>
      <c r="C18" s="6">
        <v>0</v>
      </c>
      <c r="D18" s="6">
        <v>0</v>
      </c>
      <c r="E18" s="6">
        <v>0</v>
      </c>
    </row>
    <row r="19" spans="1:13" x14ac:dyDescent="0.25">
      <c r="A19" s="2" t="s">
        <v>31</v>
      </c>
      <c r="B19" s="4" t="s">
        <v>1031</v>
      </c>
      <c r="C19" s="7">
        <v>0</v>
      </c>
      <c r="D19" s="7">
        <v>0</v>
      </c>
      <c r="E19" s="7">
        <v>0</v>
      </c>
    </row>
    <row r="20" spans="1:13" x14ac:dyDescent="0.25">
      <c r="A20" s="2" t="s">
        <v>33</v>
      </c>
      <c r="B20" s="4" t="s">
        <v>1032</v>
      </c>
      <c r="C20" s="7">
        <v>0</v>
      </c>
      <c r="D20" s="7">
        <v>0</v>
      </c>
      <c r="E20" s="7">
        <v>0</v>
      </c>
    </row>
    <row r="21" spans="1:13" x14ac:dyDescent="0.25">
      <c r="A21" s="2" t="s">
        <v>35</v>
      </c>
      <c r="B21" s="4" t="s">
        <v>1033</v>
      </c>
      <c r="C21" s="7">
        <v>0</v>
      </c>
      <c r="D21" s="7">
        <v>0</v>
      </c>
      <c r="E21" s="7">
        <v>0</v>
      </c>
    </row>
    <row r="22" spans="1:13" x14ac:dyDescent="0.25">
      <c r="A22" s="2" t="s">
        <v>37</v>
      </c>
      <c r="B22" s="4" t="s">
        <v>1034</v>
      </c>
      <c r="C22" s="7">
        <v>0</v>
      </c>
      <c r="D22" s="7">
        <v>0</v>
      </c>
      <c r="E22" s="7">
        <v>0</v>
      </c>
    </row>
    <row r="24" spans="1:13" x14ac:dyDescent="0.25">
      <c r="A24" s="8" t="s">
        <v>6</v>
      </c>
      <c r="B24" s="8" t="s">
        <v>1035</v>
      </c>
      <c r="C24" s="8" t="s">
        <v>1036</v>
      </c>
      <c r="D24" s="8" t="s">
        <v>1037</v>
      </c>
      <c r="E24" s="8" t="s">
        <v>1038</v>
      </c>
      <c r="F24" s="8" t="s">
        <v>1039</v>
      </c>
      <c r="G24" s="8" t="s">
        <v>1040</v>
      </c>
      <c r="H24" s="8" t="s">
        <v>1041</v>
      </c>
      <c r="I24" s="8" t="s">
        <v>1042</v>
      </c>
      <c r="J24" s="8" t="s">
        <v>1043</v>
      </c>
      <c r="K24" s="8" t="s">
        <v>1044</v>
      </c>
      <c r="L24" s="8" t="s">
        <v>1045</v>
      </c>
      <c r="M24" s="8" t="s">
        <v>1046</v>
      </c>
    </row>
    <row r="25" spans="1:13" x14ac:dyDescent="0.25">
      <c r="A25" s="8" t="s">
        <v>7</v>
      </c>
      <c r="B25" s="8" t="s">
        <v>7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  <c r="M25" s="8" t="s">
        <v>7</v>
      </c>
    </row>
    <row r="26" spans="1:13" x14ac:dyDescent="0.25">
      <c r="A26" s="2" t="s">
        <v>39</v>
      </c>
      <c r="B26" s="4" t="s">
        <v>1047</v>
      </c>
      <c r="C26" s="7">
        <v>0</v>
      </c>
      <c r="D26" s="7">
        <v>0</v>
      </c>
      <c r="E26" s="7">
        <v>0</v>
      </c>
      <c r="F26" s="7">
        <v>0</v>
      </c>
      <c r="G26" s="7">
        <v>0</v>
      </c>
      <c r="H26" s="7">
        <v>0</v>
      </c>
      <c r="I26" s="7">
        <v>0</v>
      </c>
      <c r="J26" s="7">
        <v>0</v>
      </c>
      <c r="K26" s="7">
        <v>0</v>
      </c>
      <c r="L26" s="7">
        <v>0</v>
      </c>
      <c r="M26" s="7">
        <v>0</v>
      </c>
    </row>
    <row r="27" spans="1:13" x14ac:dyDescent="0.25">
      <c r="A27" s="2" t="s">
        <v>41</v>
      </c>
      <c r="B27" s="4" t="s">
        <v>1048</v>
      </c>
      <c r="C27" s="7">
        <v>0</v>
      </c>
      <c r="D27" s="7">
        <v>0</v>
      </c>
      <c r="E27" s="7">
        <v>0</v>
      </c>
      <c r="F27" s="7">
        <v>0</v>
      </c>
      <c r="G27" s="7">
        <v>0</v>
      </c>
      <c r="H27" s="7">
        <v>0</v>
      </c>
      <c r="I27" s="7">
        <v>0</v>
      </c>
      <c r="J27" s="7">
        <v>0</v>
      </c>
      <c r="K27" s="7">
        <v>0</v>
      </c>
      <c r="L27" s="7">
        <v>0</v>
      </c>
      <c r="M27" s="7">
        <v>0</v>
      </c>
    </row>
    <row r="28" spans="1:13" x14ac:dyDescent="0.25">
      <c r="A28" s="2" t="s">
        <v>43</v>
      </c>
      <c r="B28" s="4" t="s">
        <v>1049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  <c r="J28" s="7">
        <v>0</v>
      </c>
      <c r="K28" s="7">
        <v>0</v>
      </c>
      <c r="L28" s="7">
        <v>0</v>
      </c>
      <c r="M28" s="7">
        <v>0</v>
      </c>
    </row>
    <row r="29" spans="1:13" x14ac:dyDescent="0.25">
      <c r="A29" s="2" t="s">
        <v>45</v>
      </c>
      <c r="B29" s="4" t="s">
        <v>1050</v>
      </c>
      <c r="C29" s="7">
        <v>0</v>
      </c>
      <c r="D29" s="7">
        <v>0</v>
      </c>
      <c r="E29" s="7">
        <v>0</v>
      </c>
      <c r="F29" s="7">
        <v>0</v>
      </c>
      <c r="G29" s="7">
        <v>0</v>
      </c>
      <c r="H29" s="7">
        <v>0</v>
      </c>
      <c r="I29" s="7">
        <v>0</v>
      </c>
      <c r="J29" s="7">
        <v>0</v>
      </c>
      <c r="K29" s="7">
        <v>0</v>
      </c>
      <c r="L29" s="7">
        <v>0</v>
      </c>
      <c r="M29" s="7">
        <v>0</v>
      </c>
    </row>
    <row r="30" spans="1:13" x14ac:dyDescent="0.25">
      <c r="A30" s="2" t="s">
        <v>47</v>
      </c>
      <c r="B30" s="4" t="s">
        <v>1051</v>
      </c>
      <c r="C30" s="7">
        <v>10735143525.049999</v>
      </c>
      <c r="D30" s="7">
        <v>11594417139.73</v>
      </c>
      <c r="E30" s="7">
        <v>0</v>
      </c>
      <c r="F30" s="7">
        <v>0</v>
      </c>
      <c r="G30" s="7">
        <v>0</v>
      </c>
      <c r="H30" s="7">
        <v>0</v>
      </c>
      <c r="I30" s="7">
        <v>0</v>
      </c>
      <c r="J30" s="7">
        <v>0</v>
      </c>
      <c r="K30" s="7">
        <v>0</v>
      </c>
      <c r="L30" s="7">
        <v>0</v>
      </c>
      <c r="M30" s="7">
        <v>0</v>
      </c>
    </row>
    <row r="31" spans="1:13" x14ac:dyDescent="0.25">
      <c r="A31" s="3" t="s">
        <v>49</v>
      </c>
      <c r="B31" s="5" t="s">
        <v>1052</v>
      </c>
      <c r="C31" s="6">
        <v>0</v>
      </c>
      <c r="D31" s="6">
        <v>0</v>
      </c>
      <c r="E31" s="6">
        <v>0</v>
      </c>
      <c r="F31" s="6">
        <v>0</v>
      </c>
      <c r="G31" s="6">
        <v>0</v>
      </c>
      <c r="H31" s="6">
        <v>0</v>
      </c>
      <c r="I31" s="6">
        <v>0</v>
      </c>
      <c r="J31" s="6">
        <v>0</v>
      </c>
      <c r="K31" s="6">
        <v>0</v>
      </c>
      <c r="L31" s="6">
        <v>0</v>
      </c>
      <c r="M31" s="6">
        <v>0</v>
      </c>
    </row>
    <row r="32" spans="1:13" x14ac:dyDescent="0.25">
      <c r="A32" s="2" t="s">
        <v>51</v>
      </c>
      <c r="B32" s="4" t="s">
        <v>1053</v>
      </c>
      <c r="C32" s="7">
        <v>0</v>
      </c>
      <c r="D32" s="7">
        <v>0</v>
      </c>
      <c r="E32" s="7">
        <v>0</v>
      </c>
      <c r="F32" s="7">
        <v>0</v>
      </c>
      <c r="G32" s="7">
        <v>0</v>
      </c>
      <c r="H32" s="7">
        <v>0</v>
      </c>
      <c r="I32" s="7">
        <v>0</v>
      </c>
      <c r="J32" s="7">
        <v>0</v>
      </c>
      <c r="K32" s="7">
        <v>0</v>
      </c>
      <c r="L32" s="7">
        <v>0</v>
      </c>
      <c r="M32" s="7">
        <v>0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4:A25"/>
    <mergeCell ref="B24:B25"/>
    <mergeCell ref="C24:C25"/>
    <mergeCell ref="D24:D25"/>
    <mergeCell ref="E24:E25"/>
    <mergeCell ref="K24:K25"/>
    <mergeCell ref="L24:L25"/>
    <mergeCell ref="M24:M25"/>
    <mergeCell ref="F24:F25"/>
    <mergeCell ref="G24:G25"/>
    <mergeCell ref="H24:H25"/>
    <mergeCell ref="I24:I25"/>
    <mergeCell ref="J24:J25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11-25T14:43:13Z</dcterms:created>
  <dcterms:modified xsi:type="dcterms:W3CDTF">2019-11-26T20:40:17Z</dcterms:modified>
</cp:coreProperties>
</file>